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796\Desktop\作業用\☆下水道課（平成30年度）☆\埼玉県　照会・通知文書\市町村課\190116  公営企業に係る経営比較分析表（平成29年度決算）の分析等について\提出\公共\"/>
    </mc:Choice>
  </mc:AlternateContent>
  <workbookProtection workbookAlgorithmName="SHA-512" workbookHashValue="qx594Jy/CWt40EOOla9RWmkp+zzgcB/HrYGOVSGJOrCK4hYrEQp0IDdAFEKwGsVRzy1+venYnOtOWbhhfer+pg==" workbookSaltValue="bsbD178ft8tXy10QO/q0cw==" workbookSpinCount="100000" lockStructure="1"/>
  <bookViews>
    <workbookView xWindow="0" yWindow="0" windowWidth="15360" windowHeight="7635"/>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AD10" i="4" s="1"/>
  <c r="Q6" i="5"/>
  <c r="W10" i="4" s="1"/>
  <c r="P6" i="5"/>
  <c r="P10" i="4" s="1"/>
  <c r="O6" i="5"/>
  <c r="N6" i="5"/>
  <c r="B10" i="4" s="1"/>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I10" i="4"/>
  <c r="AL8" i="4"/>
  <c r="P8" i="4"/>
  <c r="I8" i="4"/>
  <c r="C10" i="5" l="1"/>
  <c r="D10" i="5"/>
  <c r="E10" i="5"/>
  <c r="B10" i="5"/>
</calcChain>
</file>

<file path=xl/sharedStrings.xml><?xml version="1.0" encoding="utf-8"?>
<sst xmlns="http://schemas.openxmlformats.org/spreadsheetml/2006/main" count="246" uniqueCount="126">
  <si>
    <t>経営比較分析表（平成29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9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5年度における各指標の類似団体平均値は、当時の事業数を基に算出していますが、企業債残高対事業規模比率及び管渠改善率については、平成26年度の事業数を基に類似団体平均値を算出しています。</t>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埼玉県　幸手市</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市は、埼玉県が整備する中川流域下水道の中で最も上流に位置していることから、流域幹線が到達するのが遅く、それに伴う市の公共下水道も平成３年度にようやく供用が開始されるなど、流域における他の市町に比べると、整備開始が最後発となっています。
　このため、整備されている下水道管は耐用年数に比べて全般的に新しいものが多く、早くから整備を進めることができた他市町よりも、老朽化対策の必要性はあまり高くありませんでした。
　しかし、供用開始以前から市内に整備されていた集中浄化槽方式を用いた汚水処理区域のうち、後に公共下水道へ接続替えを行った地域などを中心として、老朽化が進んでいる下水道管も現れてきていることから、今後は、新規整備の途上ではあるものの、同時に老朽管対策にも取り組んでいく必要があります。</t>
    <rPh sb="1" eb="2">
      <t>ホン</t>
    </rPh>
    <rPh sb="2" eb="3">
      <t>シ</t>
    </rPh>
    <rPh sb="5" eb="7">
      <t>サイタマ</t>
    </rPh>
    <rPh sb="7" eb="8">
      <t>ケン</t>
    </rPh>
    <rPh sb="9" eb="11">
      <t>セイビ</t>
    </rPh>
    <rPh sb="13" eb="15">
      <t>ナカガワ</t>
    </rPh>
    <rPh sb="15" eb="17">
      <t>リュウイキ</t>
    </rPh>
    <rPh sb="17" eb="20">
      <t>ゲスイドウ</t>
    </rPh>
    <rPh sb="21" eb="22">
      <t>ナカ</t>
    </rPh>
    <rPh sb="23" eb="24">
      <t>モット</t>
    </rPh>
    <rPh sb="25" eb="27">
      <t>ジョウリュウ</t>
    </rPh>
    <rPh sb="28" eb="30">
      <t>イチ</t>
    </rPh>
    <rPh sb="39" eb="41">
      <t>リュウイキ</t>
    </rPh>
    <rPh sb="41" eb="43">
      <t>カンセン</t>
    </rPh>
    <rPh sb="44" eb="46">
      <t>トウタツ</t>
    </rPh>
    <rPh sb="50" eb="51">
      <t>オソ</t>
    </rPh>
    <rPh sb="56" eb="57">
      <t>トモナ</t>
    </rPh>
    <rPh sb="58" eb="59">
      <t>シ</t>
    </rPh>
    <rPh sb="60" eb="62">
      <t>コウキョウ</t>
    </rPh>
    <rPh sb="62" eb="65">
      <t>ゲスイドウ</t>
    </rPh>
    <rPh sb="66" eb="68">
      <t>ヘイセイ</t>
    </rPh>
    <rPh sb="69" eb="71">
      <t>ネンド</t>
    </rPh>
    <rPh sb="76" eb="78">
      <t>キョウヨウ</t>
    </rPh>
    <rPh sb="79" eb="81">
      <t>カイシ</t>
    </rPh>
    <rPh sb="87" eb="89">
      <t>リュウイキ</t>
    </rPh>
    <rPh sb="93" eb="94">
      <t>タ</t>
    </rPh>
    <rPh sb="95" eb="96">
      <t>シ</t>
    </rPh>
    <rPh sb="96" eb="97">
      <t>マチ</t>
    </rPh>
    <rPh sb="98" eb="99">
      <t>クラ</t>
    </rPh>
    <rPh sb="103" eb="105">
      <t>セイビ</t>
    </rPh>
    <rPh sb="105" eb="107">
      <t>カイシ</t>
    </rPh>
    <rPh sb="108" eb="109">
      <t>サイ</t>
    </rPh>
    <rPh sb="109" eb="111">
      <t>コウハツ</t>
    </rPh>
    <rPh sb="126" eb="128">
      <t>セイビ</t>
    </rPh>
    <rPh sb="133" eb="136">
      <t>ゲスイドウ</t>
    </rPh>
    <rPh sb="136" eb="137">
      <t>カン</t>
    </rPh>
    <rPh sb="138" eb="140">
      <t>タイヨウ</t>
    </rPh>
    <rPh sb="140" eb="142">
      <t>ネンスウ</t>
    </rPh>
    <rPh sb="146" eb="149">
      <t>ゼンパンテキ</t>
    </rPh>
    <rPh sb="150" eb="151">
      <t>アタラ</t>
    </rPh>
    <rPh sb="156" eb="157">
      <t>オオ</t>
    </rPh>
    <rPh sb="159" eb="160">
      <t>ハヤ</t>
    </rPh>
    <rPh sb="163" eb="165">
      <t>セイビ</t>
    </rPh>
    <rPh sb="166" eb="167">
      <t>スス</t>
    </rPh>
    <rPh sb="175" eb="176">
      <t>タ</t>
    </rPh>
    <rPh sb="176" eb="178">
      <t>シチョウ</t>
    </rPh>
    <rPh sb="182" eb="185">
      <t>ロウキュウカ</t>
    </rPh>
    <rPh sb="185" eb="187">
      <t>タイサク</t>
    </rPh>
    <rPh sb="188" eb="191">
      <t>ヒツヨウセイ</t>
    </rPh>
    <rPh sb="195" eb="196">
      <t>タカ</t>
    </rPh>
    <rPh sb="212" eb="214">
      <t>キョウヨウ</t>
    </rPh>
    <rPh sb="214" eb="216">
      <t>カイシ</t>
    </rPh>
    <rPh sb="216" eb="218">
      <t>イゼン</t>
    </rPh>
    <rPh sb="220" eb="222">
      <t>シナイ</t>
    </rPh>
    <rPh sb="223" eb="225">
      <t>セイビ</t>
    </rPh>
    <rPh sb="230" eb="232">
      <t>シュウチュウ</t>
    </rPh>
    <rPh sb="232" eb="235">
      <t>ジョウカソウ</t>
    </rPh>
    <rPh sb="235" eb="237">
      <t>ホウシキ</t>
    </rPh>
    <rPh sb="238" eb="239">
      <t>モチ</t>
    </rPh>
    <rPh sb="241" eb="243">
      <t>オスイ</t>
    </rPh>
    <rPh sb="243" eb="245">
      <t>ショリ</t>
    </rPh>
    <rPh sb="245" eb="247">
      <t>クイキ</t>
    </rPh>
    <rPh sb="251" eb="252">
      <t>ノチ</t>
    </rPh>
    <rPh sb="253" eb="255">
      <t>コウキョウ</t>
    </rPh>
    <rPh sb="255" eb="258">
      <t>ゲスイドウ</t>
    </rPh>
    <rPh sb="259" eb="261">
      <t>セツゾク</t>
    </rPh>
    <rPh sb="261" eb="262">
      <t>カ</t>
    </rPh>
    <rPh sb="264" eb="265">
      <t>オコナ</t>
    </rPh>
    <rPh sb="267" eb="269">
      <t>チイキ</t>
    </rPh>
    <rPh sb="272" eb="274">
      <t>チュウシン</t>
    </rPh>
    <rPh sb="278" eb="281">
      <t>ロウキュウカ</t>
    </rPh>
    <rPh sb="282" eb="283">
      <t>スス</t>
    </rPh>
    <rPh sb="287" eb="290">
      <t>ゲスイドウ</t>
    </rPh>
    <rPh sb="290" eb="291">
      <t>カン</t>
    </rPh>
    <rPh sb="292" eb="293">
      <t>アラワ</t>
    </rPh>
    <rPh sb="304" eb="306">
      <t>コンゴ</t>
    </rPh>
    <rPh sb="308" eb="310">
      <t>シンキ</t>
    </rPh>
    <rPh sb="310" eb="312">
      <t>セイビ</t>
    </rPh>
    <rPh sb="313" eb="315">
      <t>トジョウ</t>
    </rPh>
    <rPh sb="323" eb="325">
      <t>ドウジ</t>
    </rPh>
    <rPh sb="326" eb="328">
      <t>ロウキュウ</t>
    </rPh>
    <rPh sb="328" eb="329">
      <t>カン</t>
    </rPh>
    <rPh sb="329" eb="331">
      <t>タイサク</t>
    </rPh>
    <rPh sb="333" eb="334">
      <t>ト</t>
    </rPh>
    <rPh sb="335" eb="336">
      <t>ク</t>
    </rPh>
    <rPh sb="340" eb="342">
      <t>ヒツヨウ</t>
    </rPh>
    <phoneticPr fontId="7"/>
  </si>
  <si>
    <t>　収益的収支比率は、若干下降傾向に転じていますが、新規整備の途上にある本市においては、収益の中核を占める料金収入が少なく、100％には程遠い数値となっています。今後も、後年度の地方債償還金の極端な増加をもたらさないように計画的な事業執行を行いながら、一方では接続率の向上に取り組んでいく必要があります。
　企業債残高対事業規模比率は、平成18年度に策定した「公債費負担適正化計画」以降、徐々に低下し、ここ数年は一定規模で推移してきていますが、類似団体平均値に比べると2倍以上の数値となっています。これは、今まさに行われている整備工事に必要となる財源として、地方債に頼らざるを得ないということが主な原因となっているものです。
　経費回収率は、類似団体平均値に比べ低い水準となっていますが、これは整備途上にある本市では下水道への接続人口がまだ多くなく、そのため、使用料収入が少ないことが原因と考えられます。
　汚水処理原価は、類似団体平均に比べると同等か、若干下回る数値となっていますが、今後、施設の老朽化が進み、処理原価が増加していくことが予想されるため、維持管理費の抑制や有収水量増加の取り組みを進めることが必要となってきます。
　水洗化率は、ほぼ横ばいで推移していますが、毎年度、供用開始地区が増えているという状況を考えれば、それほど悪い数値ではないと思われます。しかし、他の経営指標向上に密接に関わっている比率であるため、今後も接続人口が増加していくよう取り組んでいく必要があります。</t>
    <rPh sb="1" eb="4">
      <t>シュウエキテキ</t>
    </rPh>
    <rPh sb="4" eb="6">
      <t>シュウシ</t>
    </rPh>
    <rPh sb="6" eb="8">
      <t>ヒリツ</t>
    </rPh>
    <rPh sb="10" eb="12">
      <t>ジャッカン</t>
    </rPh>
    <rPh sb="12" eb="14">
      <t>カコウ</t>
    </rPh>
    <rPh sb="14" eb="16">
      <t>ケイコウ</t>
    </rPh>
    <rPh sb="17" eb="18">
      <t>テン</t>
    </rPh>
    <rPh sb="25" eb="27">
      <t>シンキ</t>
    </rPh>
    <rPh sb="27" eb="29">
      <t>セイビ</t>
    </rPh>
    <rPh sb="30" eb="32">
      <t>トジョウ</t>
    </rPh>
    <rPh sb="35" eb="36">
      <t>ホン</t>
    </rPh>
    <rPh sb="36" eb="37">
      <t>シ</t>
    </rPh>
    <rPh sb="43" eb="45">
      <t>シュウエキ</t>
    </rPh>
    <rPh sb="46" eb="48">
      <t>チュウカク</t>
    </rPh>
    <rPh sb="49" eb="50">
      <t>シ</t>
    </rPh>
    <rPh sb="52" eb="54">
      <t>リョウキン</t>
    </rPh>
    <rPh sb="54" eb="56">
      <t>シュウニュウ</t>
    </rPh>
    <rPh sb="57" eb="58">
      <t>スク</t>
    </rPh>
    <rPh sb="67" eb="69">
      <t>ホドトオ</t>
    </rPh>
    <rPh sb="70" eb="72">
      <t>スウチ</t>
    </rPh>
    <rPh sb="80" eb="82">
      <t>コンゴ</t>
    </rPh>
    <rPh sb="84" eb="87">
      <t>コウネンド</t>
    </rPh>
    <rPh sb="88" eb="91">
      <t>チホウサイ</t>
    </rPh>
    <rPh sb="91" eb="94">
      <t>ショウカンキン</t>
    </rPh>
    <rPh sb="95" eb="97">
      <t>キョクタン</t>
    </rPh>
    <rPh sb="98" eb="100">
      <t>ゾウカ</t>
    </rPh>
    <rPh sb="110" eb="113">
      <t>ケイカクテキ</t>
    </rPh>
    <rPh sb="114" eb="116">
      <t>ジギョウ</t>
    </rPh>
    <rPh sb="116" eb="118">
      <t>シッコウ</t>
    </rPh>
    <rPh sb="119" eb="120">
      <t>オコナ</t>
    </rPh>
    <rPh sb="125" eb="127">
      <t>イッポウ</t>
    </rPh>
    <rPh sb="129" eb="131">
      <t>セツゾク</t>
    </rPh>
    <rPh sb="131" eb="132">
      <t>リツ</t>
    </rPh>
    <rPh sb="133" eb="135">
      <t>コウジョウ</t>
    </rPh>
    <rPh sb="136" eb="137">
      <t>ト</t>
    </rPh>
    <rPh sb="138" eb="139">
      <t>ク</t>
    </rPh>
    <rPh sb="143" eb="145">
      <t>ヒツヨウ</t>
    </rPh>
    <rPh sb="153" eb="155">
      <t>キギョウ</t>
    </rPh>
    <rPh sb="155" eb="156">
      <t>サイ</t>
    </rPh>
    <rPh sb="156" eb="158">
      <t>ザンダカ</t>
    </rPh>
    <rPh sb="158" eb="159">
      <t>タイ</t>
    </rPh>
    <rPh sb="159" eb="161">
      <t>ジギョウ</t>
    </rPh>
    <rPh sb="161" eb="163">
      <t>キボ</t>
    </rPh>
    <rPh sb="163" eb="165">
      <t>ヒリツ</t>
    </rPh>
    <rPh sb="167" eb="169">
      <t>ヘイセイ</t>
    </rPh>
    <rPh sb="171" eb="173">
      <t>ネンド</t>
    </rPh>
    <rPh sb="174" eb="176">
      <t>サクテイ</t>
    </rPh>
    <rPh sb="179" eb="182">
      <t>コウサイヒ</t>
    </rPh>
    <rPh sb="182" eb="184">
      <t>フタン</t>
    </rPh>
    <rPh sb="184" eb="187">
      <t>テキセイカ</t>
    </rPh>
    <rPh sb="187" eb="189">
      <t>ケイカク</t>
    </rPh>
    <rPh sb="190" eb="192">
      <t>イコウ</t>
    </rPh>
    <rPh sb="193" eb="195">
      <t>ジョジョ</t>
    </rPh>
    <rPh sb="196" eb="198">
      <t>テイカ</t>
    </rPh>
    <rPh sb="202" eb="204">
      <t>スウネン</t>
    </rPh>
    <rPh sb="205" eb="207">
      <t>イッテイ</t>
    </rPh>
    <rPh sb="207" eb="209">
      <t>キボ</t>
    </rPh>
    <rPh sb="210" eb="212">
      <t>スイイ</t>
    </rPh>
    <rPh sb="221" eb="223">
      <t>ルイジ</t>
    </rPh>
    <rPh sb="223" eb="225">
      <t>ダンタイ</t>
    </rPh>
    <rPh sb="225" eb="228">
      <t>ヘイキンチ</t>
    </rPh>
    <rPh sb="229" eb="230">
      <t>クラ</t>
    </rPh>
    <rPh sb="234" eb="235">
      <t>バイ</t>
    </rPh>
    <rPh sb="235" eb="237">
      <t>イジョウ</t>
    </rPh>
    <rPh sb="238" eb="240">
      <t>スウチ</t>
    </rPh>
    <rPh sb="252" eb="253">
      <t>イマ</t>
    </rPh>
    <rPh sb="256" eb="257">
      <t>オコナ</t>
    </rPh>
    <rPh sb="262" eb="264">
      <t>セイビ</t>
    </rPh>
    <rPh sb="264" eb="266">
      <t>コウジ</t>
    </rPh>
    <rPh sb="267" eb="269">
      <t>ヒツヨウ</t>
    </rPh>
    <rPh sb="272" eb="274">
      <t>ザイゲン</t>
    </rPh>
    <rPh sb="278" eb="281">
      <t>チホウサイ</t>
    </rPh>
    <rPh sb="282" eb="283">
      <t>タヨ</t>
    </rPh>
    <rPh sb="287" eb="288">
      <t>エ</t>
    </rPh>
    <rPh sb="313" eb="315">
      <t>ケイヒ</t>
    </rPh>
    <rPh sb="315" eb="317">
      <t>カイシュウ</t>
    </rPh>
    <rPh sb="317" eb="318">
      <t>リツ</t>
    </rPh>
    <rPh sb="320" eb="322">
      <t>ルイジ</t>
    </rPh>
    <rPh sb="322" eb="324">
      <t>ダンタイ</t>
    </rPh>
    <rPh sb="324" eb="327">
      <t>ヘイキンチ</t>
    </rPh>
    <rPh sb="328" eb="329">
      <t>クラ</t>
    </rPh>
    <rPh sb="330" eb="331">
      <t>ヒク</t>
    </rPh>
    <rPh sb="332" eb="334">
      <t>スイジュン</t>
    </rPh>
    <rPh sb="346" eb="348">
      <t>セイビ</t>
    </rPh>
    <rPh sb="348" eb="350">
      <t>トジョウ</t>
    </rPh>
    <rPh sb="353" eb="354">
      <t>ホン</t>
    </rPh>
    <rPh sb="354" eb="355">
      <t>シ</t>
    </rPh>
    <rPh sb="357" eb="360">
      <t>ゲスイドウ</t>
    </rPh>
    <rPh sb="362" eb="364">
      <t>セツゾク</t>
    </rPh>
    <rPh sb="364" eb="366">
      <t>ジンコウ</t>
    </rPh>
    <rPh sb="369" eb="370">
      <t>オオ</t>
    </rPh>
    <rPh sb="379" eb="382">
      <t>シヨウリョウ</t>
    </rPh>
    <rPh sb="382" eb="384">
      <t>シュウニュウ</t>
    </rPh>
    <rPh sb="385" eb="386">
      <t>スク</t>
    </rPh>
    <rPh sb="391" eb="393">
      <t>ゲンイン</t>
    </rPh>
    <rPh sb="394" eb="395">
      <t>カンガ</t>
    </rPh>
    <rPh sb="403" eb="405">
      <t>オスイ</t>
    </rPh>
    <rPh sb="405" eb="407">
      <t>ショリ</t>
    </rPh>
    <rPh sb="407" eb="409">
      <t>ゲンカ</t>
    </rPh>
    <rPh sb="411" eb="413">
      <t>ルイジ</t>
    </rPh>
    <rPh sb="413" eb="415">
      <t>ダンタイ</t>
    </rPh>
    <rPh sb="415" eb="417">
      <t>ヘイキン</t>
    </rPh>
    <rPh sb="418" eb="419">
      <t>クラ</t>
    </rPh>
    <rPh sb="422" eb="424">
      <t>ドウトウ</t>
    </rPh>
    <rPh sb="426" eb="428">
      <t>ジャッカン</t>
    </rPh>
    <rPh sb="428" eb="430">
      <t>シタマワ</t>
    </rPh>
    <rPh sb="431" eb="433">
      <t>スウチ</t>
    </rPh>
    <rPh sb="442" eb="444">
      <t>コンゴ</t>
    </rPh>
    <rPh sb="445" eb="447">
      <t>シセツ</t>
    </rPh>
    <rPh sb="448" eb="451">
      <t>ロウキュウカ</t>
    </rPh>
    <rPh sb="452" eb="453">
      <t>スス</t>
    </rPh>
    <rPh sb="455" eb="457">
      <t>ショリ</t>
    </rPh>
    <rPh sb="457" eb="459">
      <t>ゲンカ</t>
    </rPh>
    <rPh sb="460" eb="462">
      <t>ゾウカ</t>
    </rPh>
    <rPh sb="469" eb="471">
      <t>ヨソウ</t>
    </rPh>
    <rPh sb="477" eb="479">
      <t>イジ</t>
    </rPh>
    <rPh sb="479" eb="482">
      <t>カンリヒ</t>
    </rPh>
    <rPh sb="483" eb="485">
      <t>ヨクセイ</t>
    </rPh>
    <rPh sb="486" eb="487">
      <t>ユウ</t>
    </rPh>
    <rPh sb="487" eb="488">
      <t>シュウ</t>
    </rPh>
    <rPh sb="488" eb="490">
      <t>スイリョウ</t>
    </rPh>
    <rPh sb="490" eb="492">
      <t>ゾウカ</t>
    </rPh>
    <rPh sb="493" eb="494">
      <t>ト</t>
    </rPh>
    <rPh sb="495" eb="496">
      <t>ク</t>
    </rPh>
    <rPh sb="498" eb="499">
      <t>スス</t>
    </rPh>
    <rPh sb="504" eb="506">
      <t>ヒツヨウ</t>
    </rPh>
    <rPh sb="516" eb="519">
      <t>スイセンカ</t>
    </rPh>
    <rPh sb="519" eb="520">
      <t>リツ</t>
    </rPh>
    <rPh sb="524" eb="525">
      <t>ヨコ</t>
    </rPh>
    <rPh sb="528" eb="530">
      <t>スイイ</t>
    </rPh>
    <rPh sb="537" eb="540">
      <t>マイネンド</t>
    </rPh>
    <rPh sb="541" eb="543">
      <t>キョウヨウ</t>
    </rPh>
    <rPh sb="543" eb="545">
      <t>カイシ</t>
    </rPh>
    <rPh sb="545" eb="547">
      <t>チク</t>
    </rPh>
    <rPh sb="548" eb="549">
      <t>フ</t>
    </rPh>
    <rPh sb="556" eb="558">
      <t>ジョウキョウ</t>
    </rPh>
    <rPh sb="559" eb="560">
      <t>カンガ</t>
    </rPh>
    <rPh sb="568" eb="569">
      <t>ワル</t>
    </rPh>
    <rPh sb="570" eb="572">
      <t>スウチ</t>
    </rPh>
    <rPh sb="577" eb="578">
      <t>オモ</t>
    </rPh>
    <rPh sb="587" eb="588">
      <t>タ</t>
    </rPh>
    <rPh sb="589" eb="591">
      <t>ケイエイ</t>
    </rPh>
    <rPh sb="591" eb="593">
      <t>シヒョウ</t>
    </rPh>
    <rPh sb="593" eb="595">
      <t>コウジョウ</t>
    </rPh>
    <rPh sb="596" eb="598">
      <t>ミッセツ</t>
    </rPh>
    <rPh sb="599" eb="600">
      <t>カカ</t>
    </rPh>
    <rPh sb="605" eb="607">
      <t>ヒリツ</t>
    </rPh>
    <rPh sb="613" eb="615">
      <t>コンゴ</t>
    </rPh>
    <rPh sb="616" eb="618">
      <t>セツゾク</t>
    </rPh>
    <rPh sb="618" eb="620">
      <t>ジンコウ</t>
    </rPh>
    <rPh sb="621" eb="623">
      <t>ゾウカ</t>
    </rPh>
    <rPh sb="629" eb="630">
      <t>ト</t>
    </rPh>
    <rPh sb="631" eb="632">
      <t>ク</t>
    </rPh>
    <rPh sb="636" eb="638">
      <t>ヒツヨウ</t>
    </rPh>
    <phoneticPr fontId="4"/>
  </si>
  <si>
    <t>　本市の公共下水道は、平成29年度末における普及率が40％台にとどまっており、これからも新規整備が続いていきます。また、今後は施設の老朽化も徐々に進行していくことから、更新・修繕といった対応も同時に必要となってきます。このため、整備財源の確保には今まで以上に努めていかなければならず、補助金の有効活用はもとより、接続人口増加への取り組みや、極度な依存にならない範囲での地方債の活用、また、歳出面では、経費削減に努めた無駄のない予算執行など、バランスを持った事業運営が求められてきます。
　このような状況に対応するためには、より適切な整備計画を策定していくことが肝要ですが、それを可能にするため、自らの経営状態や資産状況などをより正確に把握し、且つ分析していくことが大切になってきます。</t>
    <rPh sb="1" eb="2">
      <t>ホン</t>
    </rPh>
    <rPh sb="2" eb="3">
      <t>シ</t>
    </rPh>
    <rPh sb="4" eb="6">
      <t>コウキョウ</t>
    </rPh>
    <rPh sb="6" eb="9">
      <t>ゲスイドウ</t>
    </rPh>
    <rPh sb="11" eb="13">
      <t>ヘイセイ</t>
    </rPh>
    <rPh sb="15" eb="17">
      <t>ネンド</t>
    </rPh>
    <rPh sb="17" eb="18">
      <t>マツ</t>
    </rPh>
    <rPh sb="22" eb="24">
      <t>フキュウ</t>
    </rPh>
    <rPh sb="24" eb="25">
      <t>リツ</t>
    </rPh>
    <rPh sb="29" eb="30">
      <t>ダイ</t>
    </rPh>
    <rPh sb="44" eb="46">
      <t>シンキ</t>
    </rPh>
    <rPh sb="46" eb="48">
      <t>セイビ</t>
    </rPh>
    <rPh sb="49" eb="50">
      <t>ツヅ</t>
    </rPh>
    <rPh sb="60" eb="62">
      <t>コンゴ</t>
    </rPh>
    <rPh sb="63" eb="65">
      <t>シセツ</t>
    </rPh>
    <rPh sb="66" eb="69">
      <t>ロウキュウカ</t>
    </rPh>
    <rPh sb="70" eb="72">
      <t>ジョジョ</t>
    </rPh>
    <rPh sb="73" eb="75">
      <t>シンコウ</t>
    </rPh>
    <rPh sb="84" eb="86">
      <t>コウシン</t>
    </rPh>
    <rPh sb="87" eb="89">
      <t>シュウゼン</t>
    </rPh>
    <rPh sb="93" eb="95">
      <t>タイオウ</t>
    </rPh>
    <rPh sb="96" eb="98">
      <t>ドウジ</t>
    </rPh>
    <rPh sb="99" eb="101">
      <t>ヒツヨウ</t>
    </rPh>
    <rPh sb="123" eb="124">
      <t>イマ</t>
    </rPh>
    <rPh sb="126" eb="128">
      <t>イジョウ</t>
    </rPh>
    <rPh sb="129" eb="130">
      <t>ツト</t>
    </rPh>
    <rPh sb="142" eb="145">
      <t>ホジョキン</t>
    </rPh>
    <rPh sb="146" eb="148">
      <t>ユウコウ</t>
    </rPh>
    <rPh sb="148" eb="150">
      <t>カツヨウ</t>
    </rPh>
    <rPh sb="156" eb="158">
      <t>セツゾク</t>
    </rPh>
    <rPh sb="158" eb="160">
      <t>ジンコウ</t>
    </rPh>
    <rPh sb="160" eb="162">
      <t>ゾウカ</t>
    </rPh>
    <rPh sb="164" eb="165">
      <t>ト</t>
    </rPh>
    <rPh sb="166" eb="167">
      <t>ク</t>
    </rPh>
    <rPh sb="170" eb="172">
      <t>キョクド</t>
    </rPh>
    <rPh sb="173" eb="175">
      <t>イゾン</t>
    </rPh>
    <rPh sb="180" eb="182">
      <t>ハンイ</t>
    </rPh>
    <rPh sb="184" eb="187">
      <t>チホウサイ</t>
    </rPh>
    <rPh sb="188" eb="190">
      <t>カツヨウ</t>
    </rPh>
    <rPh sb="194" eb="197">
      <t>サイシュツメン</t>
    </rPh>
    <rPh sb="200" eb="202">
      <t>ケイヒ</t>
    </rPh>
    <rPh sb="202" eb="204">
      <t>サクゲン</t>
    </rPh>
    <rPh sb="205" eb="206">
      <t>ツト</t>
    </rPh>
    <rPh sb="208" eb="210">
      <t>ムダ</t>
    </rPh>
    <rPh sb="213" eb="215">
      <t>ヨサン</t>
    </rPh>
    <rPh sb="215" eb="217">
      <t>シッコウ</t>
    </rPh>
    <rPh sb="225" eb="226">
      <t>モ</t>
    </rPh>
    <rPh sb="228" eb="230">
      <t>ジギョウ</t>
    </rPh>
    <rPh sb="230" eb="232">
      <t>ウンエイ</t>
    </rPh>
    <rPh sb="233" eb="234">
      <t>モト</t>
    </rPh>
    <rPh sb="249" eb="251">
      <t>ジョウキョウ</t>
    </rPh>
    <rPh sb="252" eb="254">
      <t>タイオウ</t>
    </rPh>
    <rPh sb="263" eb="265">
      <t>テキセツ</t>
    </rPh>
    <rPh sb="266" eb="268">
      <t>セイビ</t>
    </rPh>
    <rPh sb="268" eb="270">
      <t>ケイカク</t>
    </rPh>
    <rPh sb="271" eb="273">
      <t>サクテイ</t>
    </rPh>
    <rPh sb="280" eb="282">
      <t>カンヨウ</t>
    </rPh>
    <rPh sb="289" eb="291">
      <t>カノウ</t>
    </rPh>
    <rPh sb="297" eb="298">
      <t>ミズカ</t>
    </rPh>
    <rPh sb="300" eb="302">
      <t>ケイエイ</t>
    </rPh>
    <rPh sb="302" eb="304">
      <t>ジョウタイ</t>
    </rPh>
    <rPh sb="305" eb="307">
      <t>シサン</t>
    </rPh>
    <rPh sb="307" eb="309">
      <t>ジョウキョウ</t>
    </rPh>
    <rPh sb="314" eb="316">
      <t>セイカク</t>
    </rPh>
    <rPh sb="317" eb="319">
      <t>ハアク</t>
    </rPh>
    <rPh sb="321" eb="322">
      <t>カ</t>
    </rPh>
    <rPh sb="323" eb="325">
      <t>ブンセキ</t>
    </rPh>
    <rPh sb="332" eb="334">
      <t>タイセツ</t>
    </rPh>
    <phoneticPr fontId="7"/>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DCC-4EA0-B031-CD90C38EBF32}"/>
            </c:ext>
          </c:extLst>
        </c:ser>
        <c:dLbls>
          <c:showLegendKey val="0"/>
          <c:showVal val="0"/>
          <c:showCatName val="0"/>
          <c:showSerName val="0"/>
          <c:showPercent val="0"/>
          <c:showBubbleSize val="0"/>
        </c:dLbls>
        <c:gapWidth val="150"/>
        <c:axId val="218609048"/>
        <c:axId val="217982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formatCode="#,##0.00;&quot;△&quot;#,##0.00;&quot;-&quot;">
                  <c:v>0.22</c:v>
                </c:pt>
                <c:pt idx="1">
                  <c:v>0</c:v>
                </c:pt>
                <c:pt idx="2" formatCode="#,##0.00;&quot;△&quot;#,##0.00;&quot;-&quot;">
                  <c:v>0.16</c:v>
                </c:pt>
                <c:pt idx="3" formatCode="#,##0.00;&quot;△&quot;#,##0.00;&quot;-&quot;">
                  <c:v>0.19</c:v>
                </c:pt>
                <c:pt idx="4" formatCode="#,##0.00;&quot;△&quot;#,##0.00;&quot;-&quot;">
                  <c:v>0.16</c:v>
                </c:pt>
              </c:numCache>
            </c:numRef>
          </c:val>
          <c:smooth val="0"/>
          <c:extLst xmlns:c16r2="http://schemas.microsoft.com/office/drawing/2015/06/chart">
            <c:ext xmlns:c16="http://schemas.microsoft.com/office/drawing/2014/chart" uri="{C3380CC4-5D6E-409C-BE32-E72D297353CC}">
              <c16:uniqueId val="{00000001-0DCC-4EA0-B031-CD90C38EBF32}"/>
            </c:ext>
          </c:extLst>
        </c:ser>
        <c:dLbls>
          <c:showLegendKey val="0"/>
          <c:showVal val="0"/>
          <c:showCatName val="0"/>
          <c:showSerName val="0"/>
          <c:showPercent val="0"/>
          <c:showBubbleSize val="0"/>
        </c:dLbls>
        <c:marker val="1"/>
        <c:smooth val="0"/>
        <c:axId val="218609048"/>
        <c:axId val="217982704"/>
      </c:lineChart>
      <c:dateAx>
        <c:axId val="218609048"/>
        <c:scaling>
          <c:orientation val="minMax"/>
        </c:scaling>
        <c:delete val="1"/>
        <c:axPos val="b"/>
        <c:numFmt formatCode="ge" sourceLinked="1"/>
        <c:majorTickMark val="none"/>
        <c:minorTickMark val="none"/>
        <c:tickLblPos val="none"/>
        <c:crossAx val="217982704"/>
        <c:crosses val="autoZero"/>
        <c:auto val="1"/>
        <c:lblOffset val="100"/>
        <c:baseTimeUnit val="years"/>
      </c:dateAx>
      <c:valAx>
        <c:axId val="217982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609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104-4F34-BCCC-FA4597564FE8}"/>
            </c:ext>
          </c:extLst>
        </c:ser>
        <c:dLbls>
          <c:showLegendKey val="0"/>
          <c:showVal val="0"/>
          <c:showCatName val="0"/>
          <c:showSerName val="0"/>
          <c:showPercent val="0"/>
          <c:showBubbleSize val="0"/>
        </c:dLbls>
        <c:gapWidth val="150"/>
        <c:axId val="217215088"/>
        <c:axId val="218830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19.95</c:v>
                </c:pt>
                <c:pt idx="1">
                  <c:v>0</c:v>
                </c:pt>
                <c:pt idx="2">
                  <c:v>49.75</c:v>
                </c:pt>
                <c:pt idx="3">
                  <c:v>51.05</c:v>
                </c:pt>
                <c:pt idx="4">
                  <c:v>50.12</c:v>
                </c:pt>
              </c:numCache>
            </c:numRef>
          </c:val>
          <c:smooth val="0"/>
          <c:extLst xmlns:c16r2="http://schemas.microsoft.com/office/drawing/2015/06/chart">
            <c:ext xmlns:c16="http://schemas.microsoft.com/office/drawing/2014/chart" uri="{C3380CC4-5D6E-409C-BE32-E72D297353CC}">
              <c16:uniqueId val="{00000001-8104-4F34-BCCC-FA4597564FE8}"/>
            </c:ext>
          </c:extLst>
        </c:ser>
        <c:dLbls>
          <c:showLegendKey val="0"/>
          <c:showVal val="0"/>
          <c:showCatName val="0"/>
          <c:showSerName val="0"/>
          <c:showPercent val="0"/>
          <c:showBubbleSize val="0"/>
        </c:dLbls>
        <c:marker val="1"/>
        <c:smooth val="0"/>
        <c:axId val="217215088"/>
        <c:axId val="218830208"/>
      </c:lineChart>
      <c:dateAx>
        <c:axId val="217215088"/>
        <c:scaling>
          <c:orientation val="minMax"/>
        </c:scaling>
        <c:delete val="1"/>
        <c:axPos val="b"/>
        <c:numFmt formatCode="ge" sourceLinked="1"/>
        <c:majorTickMark val="none"/>
        <c:minorTickMark val="none"/>
        <c:tickLblPos val="none"/>
        <c:crossAx val="218830208"/>
        <c:crosses val="autoZero"/>
        <c:auto val="1"/>
        <c:lblOffset val="100"/>
        <c:baseTimeUnit val="years"/>
      </c:dateAx>
      <c:valAx>
        <c:axId val="2188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215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X$6:$DB$6</c:f>
              <c:numCache>
                <c:formatCode>#,##0.00;"△"#,##0.00;"-"</c:formatCode>
                <c:ptCount val="5"/>
                <c:pt idx="0">
                  <c:v>84.31</c:v>
                </c:pt>
                <c:pt idx="1">
                  <c:v>84.7</c:v>
                </c:pt>
                <c:pt idx="2">
                  <c:v>84.48</c:v>
                </c:pt>
                <c:pt idx="3">
                  <c:v>84</c:v>
                </c:pt>
                <c:pt idx="4">
                  <c:v>82.92</c:v>
                </c:pt>
              </c:numCache>
            </c:numRef>
          </c:val>
          <c:extLst xmlns:c16r2="http://schemas.microsoft.com/office/drawing/2015/06/chart">
            <c:ext xmlns:c16="http://schemas.microsoft.com/office/drawing/2014/chart" uri="{C3380CC4-5D6E-409C-BE32-E72D297353CC}">
              <c16:uniqueId val="{00000000-F9E5-4508-86AA-FE393738BA05}"/>
            </c:ext>
          </c:extLst>
        </c:ser>
        <c:dLbls>
          <c:showLegendKey val="0"/>
          <c:showVal val="0"/>
          <c:showCatName val="0"/>
          <c:showSerName val="0"/>
          <c:showPercent val="0"/>
          <c:showBubbleSize val="0"/>
        </c:dLbls>
        <c:gapWidth val="150"/>
        <c:axId val="218831384"/>
        <c:axId val="218831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1.99</c:v>
                </c:pt>
                <c:pt idx="1">
                  <c:v>89.59</c:v>
                </c:pt>
                <c:pt idx="2">
                  <c:v>87.85</c:v>
                </c:pt>
                <c:pt idx="3">
                  <c:v>87.52</c:v>
                </c:pt>
                <c:pt idx="4">
                  <c:v>86.63</c:v>
                </c:pt>
              </c:numCache>
            </c:numRef>
          </c:val>
          <c:smooth val="0"/>
          <c:extLst xmlns:c16r2="http://schemas.microsoft.com/office/drawing/2015/06/chart">
            <c:ext xmlns:c16="http://schemas.microsoft.com/office/drawing/2014/chart" uri="{C3380CC4-5D6E-409C-BE32-E72D297353CC}">
              <c16:uniqueId val="{00000001-F9E5-4508-86AA-FE393738BA05}"/>
            </c:ext>
          </c:extLst>
        </c:ser>
        <c:dLbls>
          <c:showLegendKey val="0"/>
          <c:showVal val="0"/>
          <c:showCatName val="0"/>
          <c:showSerName val="0"/>
          <c:showPercent val="0"/>
          <c:showBubbleSize val="0"/>
        </c:dLbls>
        <c:marker val="1"/>
        <c:smooth val="0"/>
        <c:axId val="218831384"/>
        <c:axId val="218831776"/>
      </c:lineChart>
      <c:dateAx>
        <c:axId val="218831384"/>
        <c:scaling>
          <c:orientation val="minMax"/>
        </c:scaling>
        <c:delete val="1"/>
        <c:axPos val="b"/>
        <c:numFmt formatCode="ge" sourceLinked="1"/>
        <c:majorTickMark val="none"/>
        <c:minorTickMark val="none"/>
        <c:tickLblPos val="none"/>
        <c:crossAx val="218831776"/>
        <c:crosses val="autoZero"/>
        <c:auto val="1"/>
        <c:lblOffset val="100"/>
        <c:baseTimeUnit val="years"/>
      </c:dateAx>
      <c:valAx>
        <c:axId val="218831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831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Y$6:$AC$6</c:f>
              <c:numCache>
                <c:formatCode>#,##0.00;"△"#,##0.00;"-"</c:formatCode>
                <c:ptCount val="5"/>
                <c:pt idx="0">
                  <c:v>68.39</c:v>
                </c:pt>
                <c:pt idx="1">
                  <c:v>67.38</c:v>
                </c:pt>
                <c:pt idx="2">
                  <c:v>70.819999999999993</c:v>
                </c:pt>
                <c:pt idx="3">
                  <c:v>72.81</c:v>
                </c:pt>
                <c:pt idx="4">
                  <c:v>70.81</c:v>
                </c:pt>
              </c:numCache>
            </c:numRef>
          </c:val>
          <c:extLst xmlns:c16r2="http://schemas.microsoft.com/office/drawing/2015/06/chart">
            <c:ext xmlns:c16="http://schemas.microsoft.com/office/drawing/2014/chart" uri="{C3380CC4-5D6E-409C-BE32-E72D297353CC}">
              <c16:uniqueId val="{00000000-575C-4D42-AA0D-A621BDCFEDDA}"/>
            </c:ext>
          </c:extLst>
        </c:ser>
        <c:dLbls>
          <c:showLegendKey val="0"/>
          <c:showVal val="0"/>
          <c:showCatName val="0"/>
          <c:showSerName val="0"/>
          <c:showPercent val="0"/>
          <c:showBubbleSize val="0"/>
        </c:dLbls>
        <c:gapWidth val="150"/>
        <c:axId val="218621496"/>
        <c:axId val="218621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75C-4D42-AA0D-A621BDCFEDDA}"/>
            </c:ext>
          </c:extLst>
        </c:ser>
        <c:dLbls>
          <c:showLegendKey val="0"/>
          <c:showVal val="0"/>
          <c:showCatName val="0"/>
          <c:showSerName val="0"/>
          <c:showPercent val="0"/>
          <c:showBubbleSize val="0"/>
        </c:dLbls>
        <c:marker val="1"/>
        <c:smooth val="0"/>
        <c:axId val="218621496"/>
        <c:axId val="218621880"/>
      </c:lineChart>
      <c:dateAx>
        <c:axId val="218621496"/>
        <c:scaling>
          <c:orientation val="minMax"/>
        </c:scaling>
        <c:delete val="1"/>
        <c:axPos val="b"/>
        <c:numFmt formatCode="ge" sourceLinked="1"/>
        <c:majorTickMark val="none"/>
        <c:minorTickMark val="none"/>
        <c:tickLblPos val="none"/>
        <c:crossAx val="218621880"/>
        <c:crosses val="autoZero"/>
        <c:auto val="1"/>
        <c:lblOffset val="100"/>
        <c:baseTimeUnit val="years"/>
      </c:dateAx>
      <c:valAx>
        <c:axId val="218621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621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E72-415C-8B2C-EB18FDF86633}"/>
            </c:ext>
          </c:extLst>
        </c:ser>
        <c:dLbls>
          <c:showLegendKey val="0"/>
          <c:showVal val="0"/>
          <c:showCatName val="0"/>
          <c:showSerName val="0"/>
          <c:showPercent val="0"/>
          <c:showBubbleSize val="0"/>
        </c:dLbls>
        <c:gapWidth val="150"/>
        <c:axId val="218635128"/>
        <c:axId val="2186375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E72-415C-8B2C-EB18FDF86633}"/>
            </c:ext>
          </c:extLst>
        </c:ser>
        <c:dLbls>
          <c:showLegendKey val="0"/>
          <c:showVal val="0"/>
          <c:showCatName val="0"/>
          <c:showSerName val="0"/>
          <c:showPercent val="0"/>
          <c:showBubbleSize val="0"/>
        </c:dLbls>
        <c:marker val="1"/>
        <c:smooth val="0"/>
        <c:axId val="218635128"/>
        <c:axId val="218637560"/>
      </c:lineChart>
      <c:dateAx>
        <c:axId val="218635128"/>
        <c:scaling>
          <c:orientation val="minMax"/>
        </c:scaling>
        <c:delete val="1"/>
        <c:axPos val="b"/>
        <c:numFmt formatCode="ge" sourceLinked="1"/>
        <c:majorTickMark val="none"/>
        <c:minorTickMark val="none"/>
        <c:tickLblPos val="none"/>
        <c:crossAx val="218637560"/>
        <c:crosses val="autoZero"/>
        <c:auto val="1"/>
        <c:lblOffset val="100"/>
        <c:baseTimeUnit val="years"/>
      </c:dateAx>
      <c:valAx>
        <c:axId val="218637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635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F69-408B-A248-9DD490A0BC54}"/>
            </c:ext>
          </c:extLst>
        </c:ser>
        <c:dLbls>
          <c:showLegendKey val="0"/>
          <c:showVal val="0"/>
          <c:showCatName val="0"/>
          <c:showSerName val="0"/>
          <c:showPercent val="0"/>
          <c:showBubbleSize val="0"/>
        </c:dLbls>
        <c:gapWidth val="150"/>
        <c:axId val="218696592"/>
        <c:axId val="2186969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F69-408B-A248-9DD490A0BC54}"/>
            </c:ext>
          </c:extLst>
        </c:ser>
        <c:dLbls>
          <c:showLegendKey val="0"/>
          <c:showVal val="0"/>
          <c:showCatName val="0"/>
          <c:showSerName val="0"/>
          <c:showPercent val="0"/>
          <c:showBubbleSize val="0"/>
        </c:dLbls>
        <c:marker val="1"/>
        <c:smooth val="0"/>
        <c:axId val="218696592"/>
        <c:axId val="218696976"/>
      </c:lineChart>
      <c:dateAx>
        <c:axId val="218696592"/>
        <c:scaling>
          <c:orientation val="minMax"/>
        </c:scaling>
        <c:delete val="1"/>
        <c:axPos val="b"/>
        <c:numFmt formatCode="ge" sourceLinked="1"/>
        <c:majorTickMark val="none"/>
        <c:minorTickMark val="none"/>
        <c:tickLblPos val="none"/>
        <c:crossAx val="218696976"/>
        <c:crosses val="autoZero"/>
        <c:auto val="1"/>
        <c:lblOffset val="100"/>
        <c:baseTimeUnit val="years"/>
      </c:dateAx>
      <c:valAx>
        <c:axId val="218696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696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7542-4359-BC70-D3536778F598}"/>
            </c:ext>
          </c:extLst>
        </c:ser>
        <c:dLbls>
          <c:showLegendKey val="0"/>
          <c:showVal val="0"/>
          <c:showCatName val="0"/>
          <c:showSerName val="0"/>
          <c:showPercent val="0"/>
          <c:showBubbleSize val="0"/>
        </c:dLbls>
        <c:gapWidth val="150"/>
        <c:axId val="217213520"/>
        <c:axId val="2172139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7542-4359-BC70-D3536778F598}"/>
            </c:ext>
          </c:extLst>
        </c:ser>
        <c:dLbls>
          <c:showLegendKey val="0"/>
          <c:showVal val="0"/>
          <c:showCatName val="0"/>
          <c:showSerName val="0"/>
          <c:showPercent val="0"/>
          <c:showBubbleSize val="0"/>
        </c:dLbls>
        <c:marker val="1"/>
        <c:smooth val="0"/>
        <c:axId val="217213520"/>
        <c:axId val="217213912"/>
      </c:lineChart>
      <c:dateAx>
        <c:axId val="217213520"/>
        <c:scaling>
          <c:orientation val="minMax"/>
        </c:scaling>
        <c:delete val="1"/>
        <c:axPos val="b"/>
        <c:numFmt formatCode="ge" sourceLinked="1"/>
        <c:majorTickMark val="none"/>
        <c:minorTickMark val="none"/>
        <c:tickLblPos val="none"/>
        <c:crossAx val="217213912"/>
        <c:crosses val="autoZero"/>
        <c:auto val="1"/>
        <c:lblOffset val="100"/>
        <c:baseTimeUnit val="years"/>
      </c:dateAx>
      <c:valAx>
        <c:axId val="217213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213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AED-4CF9-88CD-EFCC80A70019}"/>
            </c:ext>
          </c:extLst>
        </c:ser>
        <c:dLbls>
          <c:showLegendKey val="0"/>
          <c:showVal val="0"/>
          <c:showCatName val="0"/>
          <c:showSerName val="0"/>
          <c:showPercent val="0"/>
          <c:showBubbleSize val="0"/>
        </c:dLbls>
        <c:gapWidth val="150"/>
        <c:axId val="217215480"/>
        <c:axId val="2172158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AED-4CF9-88CD-EFCC80A70019}"/>
            </c:ext>
          </c:extLst>
        </c:ser>
        <c:dLbls>
          <c:showLegendKey val="0"/>
          <c:showVal val="0"/>
          <c:showCatName val="0"/>
          <c:showSerName val="0"/>
          <c:showPercent val="0"/>
          <c:showBubbleSize val="0"/>
        </c:dLbls>
        <c:marker val="1"/>
        <c:smooth val="0"/>
        <c:axId val="217215480"/>
        <c:axId val="217215872"/>
      </c:lineChart>
      <c:dateAx>
        <c:axId val="217215480"/>
        <c:scaling>
          <c:orientation val="minMax"/>
        </c:scaling>
        <c:delete val="1"/>
        <c:axPos val="b"/>
        <c:numFmt formatCode="ge" sourceLinked="1"/>
        <c:majorTickMark val="none"/>
        <c:minorTickMark val="none"/>
        <c:tickLblPos val="none"/>
        <c:crossAx val="217215872"/>
        <c:crosses val="autoZero"/>
        <c:auto val="1"/>
        <c:lblOffset val="100"/>
        <c:baseTimeUnit val="years"/>
      </c:dateAx>
      <c:valAx>
        <c:axId val="217215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215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F$6:$BJ$6</c:f>
              <c:numCache>
                <c:formatCode>#,##0.00;"△"#,##0.00;"-"</c:formatCode>
                <c:ptCount val="5"/>
                <c:pt idx="0">
                  <c:v>1898.71</c:v>
                </c:pt>
                <c:pt idx="1">
                  <c:v>1944.36</c:v>
                </c:pt>
                <c:pt idx="2">
                  <c:v>2031.81</c:v>
                </c:pt>
                <c:pt idx="3">
                  <c:v>2009.06</c:v>
                </c:pt>
                <c:pt idx="4">
                  <c:v>1990.18</c:v>
                </c:pt>
              </c:numCache>
            </c:numRef>
          </c:val>
          <c:extLst xmlns:c16r2="http://schemas.microsoft.com/office/drawing/2015/06/chart">
            <c:ext xmlns:c16="http://schemas.microsoft.com/office/drawing/2014/chart" uri="{C3380CC4-5D6E-409C-BE32-E72D297353CC}">
              <c16:uniqueId val="{00000000-2EE4-4720-B7FE-B7118C7764E9}"/>
            </c:ext>
          </c:extLst>
        </c:ser>
        <c:dLbls>
          <c:showLegendKey val="0"/>
          <c:showVal val="0"/>
          <c:showCatName val="0"/>
          <c:showSerName val="0"/>
          <c:showPercent val="0"/>
          <c:showBubbleSize val="0"/>
        </c:dLbls>
        <c:gapWidth val="150"/>
        <c:axId val="217213128"/>
        <c:axId val="2172127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46.17</c:v>
                </c:pt>
                <c:pt idx="1">
                  <c:v>1124.8399999999999</c:v>
                </c:pt>
                <c:pt idx="2">
                  <c:v>1018.27</c:v>
                </c:pt>
                <c:pt idx="3">
                  <c:v>1120.55</c:v>
                </c:pt>
                <c:pt idx="4">
                  <c:v>855.79</c:v>
                </c:pt>
              </c:numCache>
            </c:numRef>
          </c:val>
          <c:smooth val="0"/>
          <c:extLst xmlns:c16r2="http://schemas.microsoft.com/office/drawing/2015/06/chart">
            <c:ext xmlns:c16="http://schemas.microsoft.com/office/drawing/2014/chart" uri="{C3380CC4-5D6E-409C-BE32-E72D297353CC}">
              <c16:uniqueId val="{00000001-2EE4-4720-B7FE-B7118C7764E9}"/>
            </c:ext>
          </c:extLst>
        </c:ser>
        <c:dLbls>
          <c:showLegendKey val="0"/>
          <c:showVal val="0"/>
          <c:showCatName val="0"/>
          <c:showSerName val="0"/>
          <c:showPercent val="0"/>
          <c:showBubbleSize val="0"/>
        </c:dLbls>
        <c:marker val="1"/>
        <c:smooth val="0"/>
        <c:axId val="217213128"/>
        <c:axId val="217212736"/>
      </c:lineChart>
      <c:dateAx>
        <c:axId val="217213128"/>
        <c:scaling>
          <c:orientation val="minMax"/>
        </c:scaling>
        <c:delete val="1"/>
        <c:axPos val="b"/>
        <c:numFmt formatCode="ge" sourceLinked="1"/>
        <c:majorTickMark val="none"/>
        <c:minorTickMark val="none"/>
        <c:tickLblPos val="none"/>
        <c:crossAx val="217212736"/>
        <c:crosses val="autoZero"/>
        <c:auto val="1"/>
        <c:lblOffset val="100"/>
        <c:baseTimeUnit val="years"/>
      </c:dateAx>
      <c:valAx>
        <c:axId val="217212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213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Q$6:$BU$6</c:f>
              <c:numCache>
                <c:formatCode>#,##0.00;"△"#,##0.00;"-"</c:formatCode>
                <c:ptCount val="5"/>
                <c:pt idx="0">
                  <c:v>56.78</c:v>
                </c:pt>
                <c:pt idx="1">
                  <c:v>57.92</c:v>
                </c:pt>
                <c:pt idx="2">
                  <c:v>57.93</c:v>
                </c:pt>
                <c:pt idx="3">
                  <c:v>58.17</c:v>
                </c:pt>
                <c:pt idx="4">
                  <c:v>58.14</c:v>
                </c:pt>
              </c:numCache>
            </c:numRef>
          </c:val>
          <c:extLst xmlns:c16r2="http://schemas.microsoft.com/office/drawing/2015/06/chart">
            <c:ext xmlns:c16="http://schemas.microsoft.com/office/drawing/2014/chart" uri="{C3380CC4-5D6E-409C-BE32-E72D297353CC}">
              <c16:uniqueId val="{00000000-1E45-4FB1-AA2D-5CC989F120CF}"/>
            </c:ext>
          </c:extLst>
        </c:ser>
        <c:dLbls>
          <c:showLegendKey val="0"/>
          <c:showVal val="0"/>
          <c:showCatName val="0"/>
          <c:showSerName val="0"/>
          <c:showPercent val="0"/>
          <c:showBubbleSize val="0"/>
        </c:dLbls>
        <c:gapWidth val="150"/>
        <c:axId val="217217048"/>
        <c:axId val="217217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930000000000007</c:v>
                </c:pt>
                <c:pt idx="1">
                  <c:v>64.12</c:v>
                </c:pt>
                <c:pt idx="2">
                  <c:v>71.569999999999993</c:v>
                </c:pt>
                <c:pt idx="3">
                  <c:v>73.28</c:v>
                </c:pt>
                <c:pt idx="4">
                  <c:v>82.82</c:v>
                </c:pt>
              </c:numCache>
            </c:numRef>
          </c:val>
          <c:smooth val="0"/>
          <c:extLst xmlns:c16r2="http://schemas.microsoft.com/office/drawing/2015/06/chart">
            <c:ext xmlns:c16="http://schemas.microsoft.com/office/drawing/2014/chart" uri="{C3380CC4-5D6E-409C-BE32-E72D297353CC}">
              <c16:uniqueId val="{00000001-1E45-4FB1-AA2D-5CC989F120CF}"/>
            </c:ext>
          </c:extLst>
        </c:ser>
        <c:dLbls>
          <c:showLegendKey val="0"/>
          <c:showVal val="0"/>
          <c:showCatName val="0"/>
          <c:showSerName val="0"/>
          <c:showPercent val="0"/>
          <c:showBubbleSize val="0"/>
        </c:dLbls>
        <c:marker val="1"/>
        <c:smooth val="0"/>
        <c:axId val="217217048"/>
        <c:axId val="217217440"/>
      </c:lineChart>
      <c:dateAx>
        <c:axId val="217217048"/>
        <c:scaling>
          <c:orientation val="minMax"/>
        </c:scaling>
        <c:delete val="1"/>
        <c:axPos val="b"/>
        <c:numFmt formatCode="ge" sourceLinked="1"/>
        <c:majorTickMark val="none"/>
        <c:minorTickMark val="none"/>
        <c:tickLblPos val="none"/>
        <c:crossAx val="217217440"/>
        <c:crosses val="autoZero"/>
        <c:auto val="1"/>
        <c:lblOffset val="100"/>
        <c:baseTimeUnit val="years"/>
      </c:dateAx>
      <c:valAx>
        <c:axId val="217217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217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B$6:$CF$6</c:f>
              <c:numCache>
                <c:formatCode>#,##0.00;"△"#,##0.00;"-"</c:formatCode>
                <c:ptCount val="5"/>
                <c:pt idx="0">
                  <c:v>150</c:v>
                </c:pt>
                <c:pt idx="1">
                  <c:v>150</c:v>
                </c:pt>
                <c:pt idx="2">
                  <c:v>150</c:v>
                </c:pt>
                <c:pt idx="3">
                  <c:v>150</c:v>
                </c:pt>
                <c:pt idx="4">
                  <c:v>150</c:v>
                </c:pt>
              </c:numCache>
            </c:numRef>
          </c:val>
          <c:extLst xmlns:c16r2="http://schemas.microsoft.com/office/drawing/2015/06/chart">
            <c:ext xmlns:c16="http://schemas.microsoft.com/office/drawing/2014/chart" uri="{C3380CC4-5D6E-409C-BE32-E72D297353CC}">
              <c16:uniqueId val="{00000000-4EBC-4707-AD3B-C1F12A525981}"/>
            </c:ext>
          </c:extLst>
        </c:ser>
        <c:dLbls>
          <c:showLegendKey val="0"/>
          <c:showVal val="0"/>
          <c:showCatName val="0"/>
          <c:showSerName val="0"/>
          <c:showPercent val="0"/>
          <c:showBubbleSize val="0"/>
        </c:dLbls>
        <c:gapWidth val="150"/>
        <c:axId val="218828640"/>
        <c:axId val="218829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9.57</c:v>
                </c:pt>
                <c:pt idx="1">
                  <c:v>168.44</c:v>
                </c:pt>
                <c:pt idx="2">
                  <c:v>195.88</c:v>
                </c:pt>
                <c:pt idx="3">
                  <c:v>193.1</c:v>
                </c:pt>
                <c:pt idx="4">
                  <c:v>165.76</c:v>
                </c:pt>
              </c:numCache>
            </c:numRef>
          </c:val>
          <c:smooth val="0"/>
          <c:extLst xmlns:c16r2="http://schemas.microsoft.com/office/drawing/2015/06/chart">
            <c:ext xmlns:c16="http://schemas.microsoft.com/office/drawing/2014/chart" uri="{C3380CC4-5D6E-409C-BE32-E72D297353CC}">
              <c16:uniqueId val="{00000001-4EBC-4707-AD3B-C1F12A525981}"/>
            </c:ext>
          </c:extLst>
        </c:ser>
        <c:dLbls>
          <c:showLegendKey val="0"/>
          <c:showVal val="0"/>
          <c:showCatName val="0"/>
          <c:showSerName val="0"/>
          <c:showPercent val="0"/>
          <c:showBubbleSize val="0"/>
        </c:dLbls>
        <c:marker val="1"/>
        <c:smooth val="0"/>
        <c:axId val="218828640"/>
        <c:axId val="218829032"/>
      </c:lineChart>
      <c:dateAx>
        <c:axId val="218828640"/>
        <c:scaling>
          <c:orientation val="minMax"/>
        </c:scaling>
        <c:delete val="1"/>
        <c:axPos val="b"/>
        <c:numFmt formatCode="ge" sourceLinked="1"/>
        <c:majorTickMark val="none"/>
        <c:minorTickMark val="none"/>
        <c:tickLblPos val="none"/>
        <c:crossAx val="218829032"/>
        <c:crosses val="autoZero"/>
        <c:auto val="1"/>
        <c:lblOffset val="100"/>
        <c:baseTimeUnit val="years"/>
      </c:dateAx>
      <c:valAx>
        <c:axId val="218829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828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3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0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1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3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1.2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Normal="100" workbookViewId="0"/>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41" t="s">
        <v>0</v>
      </c>
      <c r="C2" s="41"/>
      <c r="D2" s="41"/>
      <c r="E2" s="41"/>
      <c r="F2" s="41"/>
      <c r="G2" s="41"/>
      <c r="H2" s="41"/>
      <c r="I2" s="41"/>
      <c r="J2" s="41"/>
      <c r="K2" s="41"/>
      <c r="L2" s="41"/>
      <c r="M2" s="41"/>
      <c r="N2" s="41"/>
      <c r="O2" s="41"/>
      <c r="P2" s="41"/>
      <c r="Q2" s="41"/>
      <c r="R2" s="41"/>
      <c r="S2" s="41"/>
      <c r="T2" s="41"/>
      <c r="U2" s="41"/>
      <c r="V2" s="41"/>
      <c r="W2" s="41"/>
      <c r="X2" s="41"/>
      <c r="Y2" s="41"/>
      <c r="Z2" s="41"/>
      <c r="AA2" s="41"/>
      <c r="AB2" s="41"/>
      <c r="AC2" s="41"/>
      <c r="AD2" s="41"/>
      <c r="AE2" s="41"/>
      <c r="AF2" s="41"/>
      <c r="AG2" s="41"/>
      <c r="AH2" s="41"/>
      <c r="AI2" s="41"/>
      <c r="AJ2" s="41"/>
      <c r="AK2" s="41"/>
      <c r="AL2" s="41"/>
      <c r="AM2" s="41"/>
      <c r="AN2" s="41"/>
      <c r="AO2" s="41"/>
      <c r="AP2" s="41"/>
      <c r="AQ2" s="41"/>
      <c r="AR2" s="41"/>
      <c r="AS2" s="41"/>
      <c r="AT2" s="41"/>
      <c r="AU2" s="41"/>
      <c r="AV2" s="41"/>
      <c r="AW2" s="41"/>
      <c r="AX2" s="41"/>
      <c r="AY2" s="41"/>
      <c r="AZ2" s="41"/>
      <c r="BA2" s="41"/>
      <c r="BB2" s="41"/>
      <c r="BC2" s="41"/>
      <c r="BD2" s="41"/>
      <c r="BE2" s="41"/>
      <c r="BF2" s="41"/>
      <c r="BG2" s="41"/>
      <c r="BH2" s="41"/>
      <c r="BI2" s="41"/>
      <c r="BJ2" s="41"/>
      <c r="BK2" s="41"/>
      <c r="BL2" s="41"/>
      <c r="BM2" s="41"/>
      <c r="BN2" s="41"/>
      <c r="BO2" s="41"/>
      <c r="BP2" s="41"/>
      <c r="BQ2" s="41"/>
      <c r="BR2" s="41"/>
      <c r="BS2" s="41"/>
      <c r="BT2" s="41"/>
      <c r="BU2" s="41"/>
      <c r="BV2" s="41"/>
      <c r="BW2" s="41"/>
      <c r="BX2" s="41"/>
      <c r="BY2" s="41"/>
      <c r="BZ2" s="41"/>
    </row>
    <row r="3" spans="1:78" ht="9.75" customHeight="1" x14ac:dyDescent="0.15">
      <c r="A3" s="2"/>
      <c r="B3" s="41"/>
      <c r="C3" s="41"/>
      <c r="D3" s="41"/>
      <c r="E3" s="41"/>
      <c r="F3" s="41"/>
      <c r="G3" s="41"/>
      <c r="H3" s="41"/>
      <c r="I3" s="41"/>
      <c r="J3" s="41"/>
      <c r="K3" s="41"/>
      <c r="L3" s="41"/>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41"/>
      <c r="AR3" s="41"/>
      <c r="AS3" s="41"/>
      <c r="AT3" s="41"/>
      <c r="AU3" s="41"/>
      <c r="AV3" s="41"/>
      <c r="AW3" s="41"/>
      <c r="AX3" s="41"/>
      <c r="AY3" s="41"/>
      <c r="AZ3" s="41"/>
      <c r="BA3" s="41"/>
      <c r="BB3" s="41"/>
      <c r="BC3" s="41"/>
      <c r="BD3" s="41"/>
      <c r="BE3" s="41"/>
      <c r="BF3" s="41"/>
      <c r="BG3" s="41"/>
      <c r="BH3" s="41"/>
      <c r="BI3" s="41"/>
      <c r="BJ3" s="41"/>
      <c r="BK3" s="41"/>
      <c r="BL3" s="41"/>
      <c r="BM3" s="41"/>
      <c r="BN3" s="41"/>
      <c r="BO3" s="41"/>
      <c r="BP3" s="41"/>
      <c r="BQ3" s="41"/>
      <c r="BR3" s="41"/>
      <c r="BS3" s="41"/>
      <c r="BT3" s="41"/>
      <c r="BU3" s="41"/>
      <c r="BV3" s="41"/>
      <c r="BW3" s="41"/>
      <c r="BX3" s="41"/>
      <c r="BY3" s="41"/>
      <c r="BZ3" s="41"/>
    </row>
    <row r="4" spans="1:78" ht="9.75" customHeight="1" x14ac:dyDescent="0.15">
      <c r="A4" s="2"/>
      <c r="B4" s="41"/>
      <c r="C4" s="41"/>
      <c r="D4" s="41"/>
      <c r="E4" s="41"/>
      <c r="F4" s="41"/>
      <c r="G4" s="41"/>
      <c r="H4" s="41"/>
      <c r="I4" s="41"/>
      <c r="J4" s="41"/>
      <c r="K4" s="41"/>
      <c r="L4" s="41"/>
      <c r="M4" s="41"/>
      <c r="N4" s="41"/>
      <c r="O4" s="41"/>
      <c r="P4" s="41"/>
      <c r="Q4" s="41"/>
      <c r="R4" s="41"/>
      <c r="S4" s="41"/>
      <c r="T4" s="41"/>
      <c r="U4" s="41"/>
      <c r="V4" s="41"/>
      <c r="W4" s="41"/>
      <c r="X4" s="41"/>
      <c r="Y4" s="41"/>
      <c r="Z4" s="41"/>
      <c r="AA4" s="41"/>
      <c r="AB4" s="41"/>
      <c r="AC4" s="41"/>
      <c r="AD4" s="41"/>
      <c r="AE4" s="41"/>
      <c r="AF4" s="41"/>
      <c r="AG4" s="41"/>
      <c r="AH4" s="41"/>
      <c r="AI4" s="41"/>
      <c r="AJ4" s="41"/>
      <c r="AK4" s="41"/>
      <c r="AL4" s="41"/>
      <c r="AM4" s="41"/>
      <c r="AN4" s="41"/>
      <c r="AO4" s="41"/>
      <c r="AP4" s="41"/>
      <c r="AQ4" s="41"/>
      <c r="AR4" s="41"/>
      <c r="AS4" s="41"/>
      <c r="AT4" s="41"/>
      <c r="AU4" s="41"/>
      <c r="AV4" s="41"/>
      <c r="AW4" s="41"/>
      <c r="AX4" s="41"/>
      <c r="AY4" s="41"/>
      <c r="AZ4" s="41"/>
      <c r="BA4" s="41"/>
      <c r="BB4" s="41"/>
      <c r="BC4" s="41"/>
      <c r="BD4" s="41"/>
      <c r="BE4" s="41"/>
      <c r="BF4" s="41"/>
      <c r="BG4" s="41"/>
      <c r="BH4" s="41"/>
      <c r="BI4" s="41"/>
      <c r="BJ4" s="41"/>
      <c r="BK4" s="41"/>
      <c r="BL4" s="41"/>
      <c r="BM4" s="41"/>
      <c r="BN4" s="41"/>
      <c r="BO4" s="41"/>
      <c r="BP4" s="41"/>
      <c r="BQ4" s="41"/>
      <c r="BR4" s="41"/>
      <c r="BS4" s="41"/>
      <c r="BT4" s="41"/>
      <c r="BU4" s="41"/>
      <c r="BV4" s="41"/>
      <c r="BW4" s="41"/>
      <c r="BX4" s="41"/>
      <c r="BY4" s="41"/>
      <c r="BZ4" s="41"/>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42" t="str">
        <f>データ!H6</f>
        <v>埼玉県　幸手市</v>
      </c>
      <c r="C6" s="42"/>
      <c r="D6" s="42"/>
      <c r="E6" s="42"/>
      <c r="F6" s="42"/>
      <c r="G6" s="42"/>
      <c r="H6" s="42"/>
      <c r="I6" s="42"/>
      <c r="J6" s="42"/>
      <c r="K6" s="42"/>
      <c r="L6" s="42"/>
      <c r="M6" s="42"/>
      <c r="N6" s="42"/>
      <c r="O6" s="42"/>
      <c r="P6" s="42"/>
      <c r="Q6" s="42"/>
      <c r="R6" s="42"/>
      <c r="S6" s="42"/>
      <c r="T6" s="42"/>
      <c r="U6" s="42"/>
      <c r="V6" s="42"/>
      <c r="W6" s="42"/>
      <c r="X6" s="42"/>
      <c r="Y6" s="42"/>
      <c r="Z6" s="42"/>
      <c r="AA6" s="42"/>
      <c r="AB6" s="42"/>
      <c r="AC6" s="42"/>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43" t="s">
        <v>1</v>
      </c>
      <c r="C7" s="43"/>
      <c r="D7" s="43"/>
      <c r="E7" s="43"/>
      <c r="F7" s="43"/>
      <c r="G7" s="43"/>
      <c r="H7" s="43"/>
      <c r="I7" s="43" t="s">
        <v>2</v>
      </c>
      <c r="J7" s="43"/>
      <c r="K7" s="43"/>
      <c r="L7" s="43"/>
      <c r="M7" s="43"/>
      <c r="N7" s="43"/>
      <c r="O7" s="43"/>
      <c r="P7" s="43" t="s">
        <v>3</v>
      </c>
      <c r="Q7" s="43"/>
      <c r="R7" s="43"/>
      <c r="S7" s="43"/>
      <c r="T7" s="43"/>
      <c r="U7" s="43"/>
      <c r="V7" s="43"/>
      <c r="W7" s="43" t="s">
        <v>4</v>
      </c>
      <c r="X7" s="43"/>
      <c r="Y7" s="43"/>
      <c r="Z7" s="43"/>
      <c r="AA7" s="43"/>
      <c r="AB7" s="43"/>
      <c r="AC7" s="43"/>
      <c r="AD7" s="43" t="s">
        <v>5</v>
      </c>
      <c r="AE7" s="43"/>
      <c r="AF7" s="43"/>
      <c r="AG7" s="43"/>
      <c r="AH7" s="43"/>
      <c r="AI7" s="43"/>
      <c r="AJ7" s="43"/>
      <c r="AK7" s="3"/>
      <c r="AL7" s="43" t="s">
        <v>6</v>
      </c>
      <c r="AM7" s="43"/>
      <c r="AN7" s="43"/>
      <c r="AO7" s="43"/>
      <c r="AP7" s="43"/>
      <c r="AQ7" s="43"/>
      <c r="AR7" s="43"/>
      <c r="AS7" s="43"/>
      <c r="AT7" s="43" t="s">
        <v>7</v>
      </c>
      <c r="AU7" s="43"/>
      <c r="AV7" s="43"/>
      <c r="AW7" s="43"/>
      <c r="AX7" s="43"/>
      <c r="AY7" s="43"/>
      <c r="AZ7" s="43"/>
      <c r="BA7" s="43"/>
      <c r="BB7" s="43" t="s">
        <v>8</v>
      </c>
      <c r="BC7" s="43"/>
      <c r="BD7" s="43"/>
      <c r="BE7" s="43"/>
      <c r="BF7" s="43"/>
      <c r="BG7" s="43"/>
      <c r="BH7" s="43"/>
      <c r="BI7" s="43"/>
      <c r="BJ7" s="3"/>
      <c r="BK7" s="3"/>
      <c r="BL7" s="4" t="s">
        <v>9</v>
      </c>
      <c r="BM7" s="5"/>
      <c r="BN7" s="5"/>
      <c r="BO7" s="5"/>
      <c r="BP7" s="5"/>
      <c r="BQ7" s="5"/>
      <c r="BR7" s="5"/>
      <c r="BS7" s="5"/>
      <c r="BT7" s="5"/>
      <c r="BU7" s="5"/>
      <c r="BV7" s="5"/>
      <c r="BW7" s="5"/>
      <c r="BX7" s="5"/>
      <c r="BY7" s="6"/>
    </row>
    <row r="8" spans="1:78" ht="18.75" customHeight="1" x14ac:dyDescent="0.15">
      <c r="A8" s="2"/>
      <c r="B8" s="47" t="str">
        <f>データ!I6</f>
        <v>法非適用</v>
      </c>
      <c r="C8" s="47"/>
      <c r="D8" s="47"/>
      <c r="E8" s="47"/>
      <c r="F8" s="47"/>
      <c r="G8" s="47"/>
      <c r="H8" s="47"/>
      <c r="I8" s="47" t="str">
        <f>データ!J6</f>
        <v>下水道事業</v>
      </c>
      <c r="J8" s="47"/>
      <c r="K8" s="47"/>
      <c r="L8" s="47"/>
      <c r="M8" s="47"/>
      <c r="N8" s="47"/>
      <c r="O8" s="47"/>
      <c r="P8" s="47" t="str">
        <f>データ!K6</f>
        <v>公共下水道</v>
      </c>
      <c r="Q8" s="47"/>
      <c r="R8" s="47"/>
      <c r="S8" s="47"/>
      <c r="T8" s="47"/>
      <c r="U8" s="47"/>
      <c r="V8" s="47"/>
      <c r="W8" s="47" t="str">
        <f>データ!L6</f>
        <v>Cb2</v>
      </c>
      <c r="X8" s="47"/>
      <c r="Y8" s="47"/>
      <c r="Z8" s="47"/>
      <c r="AA8" s="47"/>
      <c r="AB8" s="47"/>
      <c r="AC8" s="47"/>
      <c r="AD8" s="48" t="str">
        <f>データ!$M$6</f>
        <v>非設置</v>
      </c>
      <c r="AE8" s="48"/>
      <c r="AF8" s="48"/>
      <c r="AG8" s="48"/>
      <c r="AH8" s="48"/>
      <c r="AI8" s="48"/>
      <c r="AJ8" s="48"/>
      <c r="AK8" s="3"/>
      <c r="AL8" s="49">
        <f>データ!S6</f>
        <v>51939</v>
      </c>
      <c r="AM8" s="49"/>
      <c r="AN8" s="49"/>
      <c r="AO8" s="49"/>
      <c r="AP8" s="49"/>
      <c r="AQ8" s="49"/>
      <c r="AR8" s="49"/>
      <c r="AS8" s="49"/>
      <c r="AT8" s="44">
        <f>データ!T6</f>
        <v>33.93</v>
      </c>
      <c r="AU8" s="44"/>
      <c r="AV8" s="44"/>
      <c r="AW8" s="44"/>
      <c r="AX8" s="44"/>
      <c r="AY8" s="44"/>
      <c r="AZ8" s="44"/>
      <c r="BA8" s="44"/>
      <c r="BB8" s="44">
        <f>データ!U6</f>
        <v>1530.77</v>
      </c>
      <c r="BC8" s="44"/>
      <c r="BD8" s="44"/>
      <c r="BE8" s="44"/>
      <c r="BF8" s="44"/>
      <c r="BG8" s="44"/>
      <c r="BH8" s="44"/>
      <c r="BI8" s="44"/>
      <c r="BJ8" s="3"/>
      <c r="BK8" s="3"/>
      <c r="BL8" s="45" t="s">
        <v>10</v>
      </c>
      <c r="BM8" s="46"/>
      <c r="BN8" s="7" t="s">
        <v>11</v>
      </c>
      <c r="BO8" s="8"/>
      <c r="BP8" s="8"/>
      <c r="BQ8" s="8"/>
      <c r="BR8" s="8"/>
      <c r="BS8" s="8"/>
      <c r="BT8" s="8"/>
      <c r="BU8" s="8"/>
      <c r="BV8" s="8"/>
      <c r="BW8" s="8"/>
      <c r="BX8" s="8"/>
      <c r="BY8" s="9"/>
    </row>
    <row r="9" spans="1:78" ht="18.75" customHeight="1" x14ac:dyDescent="0.15">
      <c r="A9" s="2"/>
      <c r="B9" s="43" t="s">
        <v>12</v>
      </c>
      <c r="C9" s="43"/>
      <c r="D9" s="43"/>
      <c r="E9" s="43"/>
      <c r="F9" s="43"/>
      <c r="G9" s="43"/>
      <c r="H9" s="43"/>
      <c r="I9" s="43" t="s">
        <v>13</v>
      </c>
      <c r="J9" s="43"/>
      <c r="K9" s="43"/>
      <c r="L9" s="43"/>
      <c r="M9" s="43"/>
      <c r="N9" s="43"/>
      <c r="O9" s="43"/>
      <c r="P9" s="43" t="s">
        <v>14</v>
      </c>
      <c r="Q9" s="43"/>
      <c r="R9" s="43"/>
      <c r="S9" s="43"/>
      <c r="T9" s="43"/>
      <c r="U9" s="43"/>
      <c r="V9" s="43"/>
      <c r="W9" s="43" t="s">
        <v>15</v>
      </c>
      <c r="X9" s="43"/>
      <c r="Y9" s="43"/>
      <c r="Z9" s="43"/>
      <c r="AA9" s="43"/>
      <c r="AB9" s="43"/>
      <c r="AC9" s="43"/>
      <c r="AD9" s="43" t="s">
        <v>16</v>
      </c>
      <c r="AE9" s="43"/>
      <c r="AF9" s="43"/>
      <c r="AG9" s="43"/>
      <c r="AH9" s="43"/>
      <c r="AI9" s="43"/>
      <c r="AJ9" s="43"/>
      <c r="AK9" s="3"/>
      <c r="AL9" s="43" t="s">
        <v>17</v>
      </c>
      <c r="AM9" s="43"/>
      <c r="AN9" s="43"/>
      <c r="AO9" s="43"/>
      <c r="AP9" s="43"/>
      <c r="AQ9" s="43"/>
      <c r="AR9" s="43"/>
      <c r="AS9" s="43"/>
      <c r="AT9" s="43" t="s">
        <v>18</v>
      </c>
      <c r="AU9" s="43"/>
      <c r="AV9" s="43"/>
      <c r="AW9" s="43"/>
      <c r="AX9" s="43"/>
      <c r="AY9" s="43"/>
      <c r="AZ9" s="43"/>
      <c r="BA9" s="43"/>
      <c r="BB9" s="43" t="s">
        <v>19</v>
      </c>
      <c r="BC9" s="43"/>
      <c r="BD9" s="43"/>
      <c r="BE9" s="43"/>
      <c r="BF9" s="43"/>
      <c r="BG9" s="43"/>
      <c r="BH9" s="43"/>
      <c r="BI9" s="43"/>
      <c r="BJ9" s="3"/>
      <c r="BK9" s="3"/>
      <c r="BL9" s="50" t="s">
        <v>20</v>
      </c>
      <c r="BM9" s="51"/>
      <c r="BN9" s="10" t="s">
        <v>21</v>
      </c>
      <c r="BO9" s="11"/>
      <c r="BP9" s="11"/>
      <c r="BQ9" s="11"/>
      <c r="BR9" s="11"/>
      <c r="BS9" s="11"/>
      <c r="BT9" s="11"/>
      <c r="BU9" s="11"/>
      <c r="BV9" s="11"/>
      <c r="BW9" s="11"/>
      <c r="BX9" s="11"/>
      <c r="BY9" s="12"/>
    </row>
    <row r="10" spans="1:78" ht="18.75" customHeight="1" x14ac:dyDescent="0.15">
      <c r="A10" s="2"/>
      <c r="B10" s="44" t="str">
        <f>データ!N6</f>
        <v>-</v>
      </c>
      <c r="C10" s="44"/>
      <c r="D10" s="44"/>
      <c r="E10" s="44"/>
      <c r="F10" s="44"/>
      <c r="G10" s="44"/>
      <c r="H10" s="44"/>
      <c r="I10" s="44" t="str">
        <f>データ!O6</f>
        <v>該当数値なし</v>
      </c>
      <c r="J10" s="44"/>
      <c r="K10" s="44"/>
      <c r="L10" s="44"/>
      <c r="M10" s="44"/>
      <c r="N10" s="44"/>
      <c r="O10" s="44"/>
      <c r="P10" s="44">
        <f>データ!P6</f>
        <v>45.81</v>
      </c>
      <c r="Q10" s="44"/>
      <c r="R10" s="44"/>
      <c r="S10" s="44"/>
      <c r="T10" s="44"/>
      <c r="U10" s="44"/>
      <c r="V10" s="44"/>
      <c r="W10" s="44">
        <f>データ!Q6</f>
        <v>72.63</v>
      </c>
      <c r="X10" s="44"/>
      <c r="Y10" s="44"/>
      <c r="Z10" s="44"/>
      <c r="AA10" s="44"/>
      <c r="AB10" s="44"/>
      <c r="AC10" s="44"/>
      <c r="AD10" s="49">
        <f>データ!R6</f>
        <v>1566</v>
      </c>
      <c r="AE10" s="49"/>
      <c r="AF10" s="49"/>
      <c r="AG10" s="49"/>
      <c r="AH10" s="49"/>
      <c r="AI10" s="49"/>
      <c r="AJ10" s="49"/>
      <c r="AK10" s="2"/>
      <c r="AL10" s="49">
        <f>データ!V6</f>
        <v>23699</v>
      </c>
      <c r="AM10" s="49"/>
      <c r="AN10" s="49"/>
      <c r="AO10" s="49"/>
      <c r="AP10" s="49"/>
      <c r="AQ10" s="49"/>
      <c r="AR10" s="49"/>
      <c r="AS10" s="49"/>
      <c r="AT10" s="44">
        <f>データ!W6</f>
        <v>3.8</v>
      </c>
      <c r="AU10" s="44"/>
      <c r="AV10" s="44"/>
      <c r="AW10" s="44"/>
      <c r="AX10" s="44"/>
      <c r="AY10" s="44"/>
      <c r="AZ10" s="44"/>
      <c r="BA10" s="44"/>
      <c r="BB10" s="44">
        <f>データ!X6</f>
        <v>6236.58</v>
      </c>
      <c r="BC10" s="44"/>
      <c r="BD10" s="44"/>
      <c r="BE10" s="44"/>
      <c r="BF10" s="44"/>
      <c r="BG10" s="44"/>
      <c r="BH10" s="44"/>
      <c r="BI10" s="44"/>
      <c r="BJ10" s="2"/>
      <c r="BK10" s="2"/>
      <c r="BL10" s="52" t="s">
        <v>22</v>
      </c>
      <c r="BM10" s="53"/>
      <c r="BN10" s="13" t="s">
        <v>23</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15">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62" t="s">
        <v>26</v>
      </c>
      <c r="BM14" s="63"/>
      <c r="BN14" s="63"/>
      <c r="BO14" s="63"/>
      <c r="BP14" s="63"/>
      <c r="BQ14" s="63"/>
      <c r="BR14" s="63"/>
      <c r="BS14" s="63"/>
      <c r="BT14" s="63"/>
      <c r="BU14" s="63"/>
      <c r="BV14" s="63"/>
      <c r="BW14" s="63"/>
      <c r="BX14" s="63"/>
      <c r="BY14" s="63"/>
      <c r="BZ14" s="64"/>
    </row>
    <row r="15" spans="1:78" ht="13.5" customHeight="1" x14ac:dyDescent="0.15">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8" t="s">
        <v>124</v>
      </c>
      <c r="BM16" s="69"/>
      <c r="BN16" s="69"/>
      <c r="BO16" s="69"/>
      <c r="BP16" s="69"/>
      <c r="BQ16" s="69"/>
      <c r="BR16" s="69"/>
      <c r="BS16" s="69"/>
      <c r="BT16" s="69"/>
      <c r="BU16" s="69"/>
      <c r="BV16" s="69"/>
      <c r="BW16" s="69"/>
      <c r="BX16" s="69"/>
      <c r="BY16" s="69"/>
      <c r="BZ16" s="70"/>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8"/>
      <c r="BM17" s="69"/>
      <c r="BN17" s="69"/>
      <c r="BO17" s="69"/>
      <c r="BP17" s="69"/>
      <c r="BQ17" s="69"/>
      <c r="BR17" s="69"/>
      <c r="BS17" s="69"/>
      <c r="BT17" s="69"/>
      <c r="BU17" s="69"/>
      <c r="BV17" s="69"/>
      <c r="BW17" s="69"/>
      <c r="BX17" s="69"/>
      <c r="BY17" s="69"/>
      <c r="BZ17" s="70"/>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8"/>
      <c r="BM18" s="69"/>
      <c r="BN18" s="69"/>
      <c r="BO18" s="69"/>
      <c r="BP18" s="69"/>
      <c r="BQ18" s="69"/>
      <c r="BR18" s="69"/>
      <c r="BS18" s="69"/>
      <c r="BT18" s="69"/>
      <c r="BU18" s="69"/>
      <c r="BV18" s="69"/>
      <c r="BW18" s="69"/>
      <c r="BX18" s="69"/>
      <c r="BY18" s="69"/>
      <c r="BZ18" s="70"/>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8"/>
      <c r="BM19" s="69"/>
      <c r="BN19" s="69"/>
      <c r="BO19" s="69"/>
      <c r="BP19" s="69"/>
      <c r="BQ19" s="69"/>
      <c r="BR19" s="69"/>
      <c r="BS19" s="69"/>
      <c r="BT19" s="69"/>
      <c r="BU19" s="69"/>
      <c r="BV19" s="69"/>
      <c r="BW19" s="69"/>
      <c r="BX19" s="69"/>
      <c r="BY19" s="69"/>
      <c r="BZ19" s="70"/>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8"/>
      <c r="BM20" s="69"/>
      <c r="BN20" s="69"/>
      <c r="BO20" s="69"/>
      <c r="BP20" s="69"/>
      <c r="BQ20" s="69"/>
      <c r="BR20" s="69"/>
      <c r="BS20" s="69"/>
      <c r="BT20" s="69"/>
      <c r="BU20" s="69"/>
      <c r="BV20" s="69"/>
      <c r="BW20" s="69"/>
      <c r="BX20" s="69"/>
      <c r="BY20" s="69"/>
      <c r="BZ20" s="70"/>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8"/>
      <c r="BM21" s="69"/>
      <c r="BN21" s="69"/>
      <c r="BO21" s="69"/>
      <c r="BP21" s="69"/>
      <c r="BQ21" s="69"/>
      <c r="BR21" s="69"/>
      <c r="BS21" s="69"/>
      <c r="BT21" s="69"/>
      <c r="BU21" s="69"/>
      <c r="BV21" s="69"/>
      <c r="BW21" s="69"/>
      <c r="BX21" s="69"/>
      <c r="BY21" s="69"/>
      <c r="BZ21" s="70"/>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8"/>
      <c r="BM22" s="69"/>
      <c r="BN22" s="69"/>
      <c r="BO22" s="69"/>
      <c r="BP22" s="69"/>
      <c r="BQ22" s="69"/>
      <c r="BR22" s="69"/>
      <c r="BS22" s="69"/>
      <c r="BT22" s="69"/>
      <c r="BU22" s="69"/>
      <c r="BV22" s="69"/>
      <c r="BW22" s="69"/>
      <c r="BX22" s="69"/>
      <c r="BY22" s="69"/>
      <c r="BZ22" s="70"/>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8"/>
      <c r="BM23" s="69"/>
      <c r="BN23" s="69"/>
      <c r="BO23" s="69"/>
      <c r="BP23" s="69"/>
      <c r="BQ23" s="69"/>
      <c r="BR23" s="69"/>
      <c r="BS23" s="69"/>
      <c r="BT23" s="69"/>
      <c r="BU23" s="69"/>
      <c r="BV23" s="69"/>
      <c r="BW23" s="69"/>
      <c r="BX23" s="69"/>
      <c r="BY23" s="69"/>
      <c r="BZ23" s="70"/>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8"/>
      <c r="BM24" s="69"/>
      <c r="BN24" s="69"/>
      <c r="BO24" s="69"/>
      <c r="BP24" s="69"/>
      <c r="BQ24" s="69"/>
      <c r="BR24" s="69"/>
      <c r="BS24" s="69"/>
      <c r="BT24" s="69"/>
      <c r="BU24" s="69"/>
      <c r="BV24" s="69"/>
      <c r="BW24" s="69"/>
      <c r="BX24" s="69"/>
      <c r="BY24" s="69"/>
      <c r="BZ24" s="70"/>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8"/>
      <c r="BM25" s="69"/>
      <c r="BN25" s="69"/>
      <c r="BO25" s="69"/>
      <c r="BP25" s="69"/>
      <c r="BQ25" s="69"/>
      <c r="BR25" s="69"/>
      <c r="BS25" s="69"/>
      <c r="BT25" s="69"/>
      <c r="BU25" s="69"/>
      <c r="BV25" s="69"/>
      <c r="BW25" s="69"/>
      <c r="BX25" s="69"/>
      <c r="BY25" s="69"/>
      <c r="BZ25" s="70"/>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8"/>
      <c r="BM26" s="69"/>
      <c r="BN26" s="69"/>
      <c r="BO26" s="69"/>
      <c r="BP26" s="69"/>
      <c r="BQ26" s="69"/>
      <c r="BR26" s="69"/>
      <c r="BS26" s="69"/>
      <c r="BT26" s="69"/>
      <c r="BU26" s="69"/>
      <c r="BV26" s="69"/>
      <c r="BW26" s="69"/>
      <c r="BX26" s="69"/>
      <c r="BY26" s="69"/>
      <c r="BZ26" s="70"/>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8"/>
      <c r="BM27" s="69"/>
      <c r="BN27" s="69"/>
      <c r="BO27" s="69"/>
      <c r="BP27" s="69"/>
      <c r="BQ27" s="69"/>
      <c r="BR27" s="69"/>
      <c r="BS27" s="69"/>
      <c r="BT27" s="69"/>
      <c r="BU27" s="69"/>
      <c r="BV27" s="69"/>
      <c r="BW27" s="69"/>
      <c r="BX27" s="69"/>
      <c r="BY27" s="69"/>
      <c r="BZ27" s="70"/>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8"/>
      <c r="BM28" s="69"/>
      <c r="BN28" s="69"/>
      <c r="BO28" s="69"/>
      <c r="BP28" s="69"/>
      <c r="BQ28" s="69"/>
      <c r="BR28" s="69"/>
      <c r="BS28" s="69"/>
      <c r="BT28" s="69"/>
      <c r="BU28" s="69"/>
      <c r="BV28" s="69"/>
      <c r="BW28" s="69"/>
      <c r="BX28" s="69"/>
      <c r="BY28" s="69"/>
      <c r="BZ28" s="70"/>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8"/>
      <c r="BM29" s="69"/>
      <c r="BN29" s="69"/>
      <c r="BO29" s="69"/>
      <c r="BP29" s="69"/>
      <c r="BQ29" s="69"/>
      <c r="BR29" s="69"/>
      <c r="BS29" s="69"/>
      <c r="BT29" s="69"/>
      <c r="BU29" s="69"/>
      <c r="BV29" s="69"/>
      <c r="BW29" s="69"/>
      <c r="BX29" s="69"/>
      <c r="BY29" s="69"/>
      <c r="BZ29" s="70"/>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8"/>
      <c r="BM30" s="69"/>
      <c r="BN30" s="69"/>
      <c r="BO30" s="69"/>
      <c r="BP30" s="69"/>
      <c r="BQ30" s="69"/>
      <c r="BR30" s="69"/>
      <c r="BS30" s="69"/>
      <c r="BT30" s="69"/>
      <c r="BU30" s="69"/>
      <c r="BV30" s="69"/>
      <c r="BW30" s="69"/>
      <c r="BX30" s="69"/>
      <c r="BY30" s="69"/>
      <c r="BZ30" s="70"/>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8"/>
      <c r="BM31" s="69"/>
      <c r="BN31" s="69"/>
      <c r="BO31" s="69"/>
      <c r="BP31" s="69"/>
      <c r="BQ31" s="69"/>
      <c r="BR31" s="69"/>
      <c r="BS31" s="69"/>
      <c r="BT31" s="69"/>
      <c r="BU31" s="69"/>
      <c r="BV31" s="69"/>
      <c r="BW31" s="69"/>
      <c r="BX31" s="69"/>
      <c r="BY31" s="69"/>
      <c r="BZ31" s="70"/>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8"/>
      <c r="BM32" s="69"/>
      <c r="BN32" s="69"/>
      <c r="BO32" s="69"/>
      <c r="BP32" s="69"/>
      <c r="BQ32" s="69"/>
      <c r="BR32" s="69"/>
      <c r="BS32" s="69"/>
      <c r="BT32" s="69"/>
      <c r="BU32" s="69"/>
      <c r="BV32" s="69"/>
      <c r="BW32" s="69"/>
      <c r="BX32" s="69"/>
      <c r="BY32" s="69"/>
      <c r="BZ32" s="70"/>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8"/>
      <c r="BM33" s="69"/>
      <c r="BN33" s="69"/>
      <c r="BO33" s="69"/>
      <c r="BP33" s="69"/>
      <c r="BQ33" s="69"/>
      <c r="BR33" s="69"/>
      <c r="BS33" s="69"/>
      <c r="BT33" s="69"/>
      <c r="BU33" s="69"/>
      <c r="BV33" s="69"/>
      <c r="BW33" s="69"/>
      <c r="BX33" s="69"/>
      <c r="BY33" s="69"/>
      <c r="BZ33" s="70"/>
    </row>
    <row r="34" spans="1:78" ht="13.5" customHeight="1" x14ac:dyDescent="0.15">
      <c r="A34" s="2"/>
      <c r="B34" s="16"/>
      <c r="C34" s="74" t="s">
        <v>27</v>
      </c>
      <c r="D34" s="74"/>
      <c r="E34" s="74"/>
      <c r="F34" s="74"/>
      <c r="G34" s="74"/>
      <c r="H34" s="74"/>
      <c r="I34" s="74"/>
      <c r="J34" s="74"/>
      <c r="K34" s="74"/>
      <c r="L34" s="74"/>
      <c r="M34" s="74"/>
      <c r="N34" s="74"/>
      <c r="O34" s="74"/>
      <c r="P34" s="74"/>
      <c r="Q34" s="19"/>
      <c r="R34" s="74" t="s">
        <v>28</v>
      </c>
      <c r="S34" s="74"/>
      <c r="T34" s="74"/>
      <c r="U34" s="74"/>
      <c r="V34" s="74"/>
      <c r="W34" s="74"/>
      <c r="X34" s="74"/>
      <c r="Y34" s="74"/>
      <c r="Z34" s="74"/>
      <c r="AA34" s="74"/>
      <c r="AB34" s="74"/>
      <c r="AC34" s="74"/>
      <c r="AD34" s="74"/>
      <c r="AE34" s="74"/>
      <c r="AF34" s="19"/>
      <c r="AG34" s="74" t="s">
        <v>29</v>
      </c>
      <c r="AH34" s="74"/>
      <c r="AI34" s="74"/>
      <c r="AJ34" s="74"/>
      <c r="AK34" s="74"/>
      <c r="AL34" s="74"/>
      <c r="AM34" s="74"/>
      <c r="AN34" s="74"/>
      <c r="AO34" s="74"/>
      <c r="AP34" s="74"/>
      <c r="AQ34" s="74"/>
      <c r="AR34" s="74"/>
      <c r="AS34" s="74"/>
      <c r="AT34" s="74"/>
      <c r="AU34" s="19"/>
      <c r="AV34" s="74" t="s">
        <v>30</v>
      </c>
      <c r="AW34" s="74"/>
      <c r="AX34" s="74"/>
      <c r="AY34" s="74"/>
      <c r="AZ34" s="74"/>
      <c r="BA34" s="74"/>
      <c r="BB34" s="74"/>
      <c r="BC34" s="74"/>
      <c r="BD34" s="74"/>
      <c r="BE34" s="74"/>
      <c r="BF34" s="74"/>
      <c r="BG34" s="74"/>
      <c r="BH34" s="74"/>
      <c r="BI34" s="74"/>
      <c r="BJ34" s="18"/>
      <c r="BK34" s="2"/>
      <c r="BL34" s="68"/>
      <c r="BM34" s="69"/>
      <c r="BN34" s="69"/>
      <c r="BO34" s="69"/>
      <c r="BP34" s="69"/>
      <c r="BQ34" s="69"/>
      <c r="BR34" s="69"/>
      <c r="BS34" s="69"/>
      <c r="BT34" s="69"/>
      <c r="BU34" s="69"/>
      <c r="BV34" s="69"/>
      <c r="BW34" s="69"/>
      <c r="BX34" s="69"/>
      <c r="BY34" s="69"/>
      <c r="BZ34" s="70"/>
    </row>
    <row r="35" spans="1:78" ht="13.5" customHeight="1" x14ac:dyDescent="0.15">
      <c r="A35" s="2"/>
      <c r="B35" s="16"/>
      <c r="C35" s="74"/>
      <c r="D35" s="74"/>
      <c r="E35" s="74"/>
      <c r="F35" s="74"/>
      <c r="G35" s="74"/>
      <c r="H35" s="74"/>
      <c r="I35" s="74"/>
      <c r="J35" s="74"/>
      <c r="K35" s="74"/>
      <c r="L35" s="74"/>
      <c r="M35" s="74"/>
      <c r="N35" s="74"/>
      <c r="O35" s="74"/>
      <c r="P35" s="74"/>
      <c r="Q35" s="19"/>
      <c r="R35" s="74"/>
      <c r="S35" s="74"/>
      <c r="T35" s="74"/>
      <c r="U35" s="74"/>
      <c r="V35" s="74"/>
      <c r="W35" s="74"/>
      <c r="X35" s="74"/>
      <c r="Y35" s="74"/>
      <c r="Z35" s="74"/>
      <c r="AA35" s="74"/>
      <c r="AB35" s="74"/>
      <c r="AC35" s="74"/>
      <c r="AD35" s="74"/>
      <c r="AE35" s="74"/>
      <c r="AF35" s="19"/>
      <c r="AG35" s="74"/>
      <c r="AH35" s="74"/>
      <c r="AI35" s="74"/>
      <c r="AJ35" s="74"/>
      <c r="AK35" s="74"/>
      <c r="AL35" s="74"/>
      <c r="AM35" s="74"/>
      <c r="AN35" s="74"/>
      <c r="AO35" s="74"/>
      <c r="AP35" s="74"/>
      <c r="AQ35" s="74"/>
      <c r="AR35" s="74"/>
      <c r="AS35" s="74"/>
      <c r="AT35" s="74"/>
      <c r="AU35" s="19"/>
      <c r="AV35" s="74"/>
      <c r="AW35" s="74"/>
      <c r="AX35" s="74"/>
      <c r="AY35" s="74"/>
      <c r="AZ35" s="74"/>
      <c r="BA35" s="74"/>
      <c r="BB35" s="74"/>
      <c r="BC35" s="74"/>
      <c r="BD35" s="74"/>
      <c r="BE35" s="74"/>
      <c r="BF35" s="74"/>
      <c r="BG35" s="74"/>
      <c r="BH35" s="74"/>
      <c r="BI35" s="74"/>
      <c r="BJ35" s="18"/>
      <c r="BK35" s="2"/>
      <c r="BL35" s="68"/>
      <c r="BM35" s="69"/>
      <c r="BN35" s="69"/>
      <c r="BO35" s="69"/>
      <c r="BP35" s="69"/>
      <c r="BQ35" s="69"/>
      <c r="BR35" s="69"/>
      <c r="BS35" s="69"/>
      <c r="BT35" s="69"/>
      <c r="BU35" s="69"/>
      <c r="BV35" s="69"/>
      <c r="BW35" s="69"/>
      <c r="BX35" s="69"/>
      <c r="BY35" s="69"/>
      <c r="BZ35" s="70"/>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8"/>
      <c r="BM36" s="69"/>
      <c r="BN36" s="69"/>
      <c r="BO36" s="69"/>
      <c r="BP36" s="69"/>
      <c r="BQ36" s="69"/>
      <c r="BR36" s="69"/>
      <c r="BS36" s="69"/>
      <c r="BT36" s="69"/>
      <c r="BU36" s="69"/>
      <c r="BV36" s="69"/>
      <c r="BW36" s="69"/>
      <c r="BX36" s="69"/>
      <c r="BY36" s="69"/>
      <c r="BZ36" s="70"/>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8"/>
      <c r="BM37" s="69"/>
      <c r="BN37" s="69"/>
      <c r="BO37" s="69"/>
      <c r="BP37" s="69"/>
      <c r="BQ37" s="69"/>
      <c r="BR37" s="69"/>
      <c r="BS37" s="69"/>
      <c r="BT37" s="69"/>
      <c r="BU37" s="69"/>
      <c r="BV37" s="69"/>
      <c r="BW37" s="69"/>
      <c r="BX37" s="69"/>
      <c r="BY37" s="69"/>
      <c r="BZ37" s="70"/>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8"/>
      <c r="BM38" s="69"/>
      <c r="BN38" s="69"/>
      <c r="BO38" s="69"/>
      <c r="BP38" s="69"/>
      <c r="BQ38" s="69"/>
      <c r="BR38" s="69"/>
      <c r="BS38" s="69"/>
      <c r="BT38" s="69"/>
      <c r="BU38" s="69"/>
      <c r="BV38" s="69"/>
      <c r="BW38" s="69"/>
      <c r="BX38" s="69"/>
      <c r="BY38" s="69"/>
      <c r="BZ38" s="70"/>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8"/>
      <c r="BM39" s="69"/>
      <c r="BN39" s="69"/>
      <c r="BO39" s="69"/>
      <c r="BP39" s="69"/>
      <c r="BQ39" s="69"/>
      <c r="BR39" s="69"/>
      <c r="BS39" s="69"/>
      <c r="BT39" s="69"/>
      <c r="BU39" s="69"/>
      <c r="BV39" s="69"/>
      <c r="BW39" s="69"/>
      <c r="BX39" s="69"/>
      <c r="BY39" s="69"/>
      <c r="BZ39" s="70"/>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8"/>
      <c r="BM40" s="69"/>
      <c r="BN40" s="69"/>
      <c r="BO40" s="69"/>
      <c r="BP40" s="69"/>
      <c r="BQ40" s="69"/>
      <c r="BR40" s="69"/>
      <c r="BS40" s="69"/>
      <c r="BT40" s="69"/>
      <c r="BU40" s="69"/>
      <c r="BV40" s="69"/>
      <c r="BW40" s="69"/>
      <c r="BX40" s="69"/>
      <c r="BY40" s="69"/>
      <c r="BZ40" s="70"/>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8"/>
      <c r="BM41" s="69"/>
      <c r="BN41" s="69"/>
      <c r="BO41" s="69"/>
      <c r="BP41" s="69"/>
      <c r="BQ41" s="69"/>
      <c r="BR41" s="69"/>
      <c r="BS41" s="69"/>
      <c r="BT41" s="69"/>
      <c r="BU41" s="69"/>
      <c r="BV41" s="69"/>
      <c r="BW41" s="69"/>
      <c r="BX41" s="69"/>
      <c r="BY41" s="69"/>
      <c r="BZ41" s="70"/>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8"/>
      <c r="BM42" s="69"/>
      <c r="BN42" s="69"/>
      <c r="BO42" s="69"/>
      <c r="BP42" s="69"/>
      <c r="BQ42" s="69"/>
      <c r="BR42" s="69"/>
      <c r="BS42" s="69"/>
      <c r="BT42" s="69"/>
      <c r="BU42" s="69"/>
      <c r="BV42" s="69"/>
      <c r="BW42" s="69"/>
      <c r="BX42" s="69"/>
      <c r="BY42" s="69"/>
      <c r="BZ42" s="70"/>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8"/>
      <c r="BM43" s="69"/>
      <c r="BN43" s="69"/>
      <c r="BO43" s="69"/>
      <c r="BP43" s="69"/>
      <c r="BQ43" s="69"/>
      <c r="BR43" s="69"/>
      <c r="BS43" s="69"/>
      <c r="BT43" s="69"/>
      <c r="BU43" s="69"/>
      <c r="BV43" s="69"/>
      <c r="BW43" s="69"/>
      <c r="BX43" s="69"/>
      <c r="BY43" s="69"/>
      <c r="BZ43" s="70"/>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1"/>
      <c r="BM44" s="72"/>
      <c r="BN44" s="72"/>
      <c r="BO44" s="72"/>
      <c r="BP44" s="72"/>
      <c r="BQ44" s="72"/>
      <c r="BR44" s="72"/>
      <c r="BS44" s="72"/>
      <c r="BT44" s="72"/>
      <c r="BU44" s="72"/>
      <c r="BV44" s="72"/>
      <c r="BW44" s="72"/>
      <c r="BX44" s="72"/>
      <c r="BY44" s="72"/>
      <c r="BZ44" s="73"/>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31</v>
      </c>
      <c r="BM45" s="63"/>
      <c r="BN45" s="63"/>
      <c r="BO45" s="63"/>
      <c r="BP45" s="63"/>
      <c r="BQ45" s="63"/>
      <c r="BR45" s="63"/>
      <c r="BS45" s="63"/>
      <c r="BT45" s="63"/>
      <c r="BU45" s="63"/>
      <c r="BV45" s="63"/>
      <c r="BW45" s="63"/>
      <c r="BX45" s="63"/>
      <c r="BY45" s="63"/>
      <c r="BZ45" s="64"/>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68" t="s">
        <v>123</v>
      </c>
      <c r="BM47" s="69"/>
      <c r="BN47" s="69"/>
      <c r="BO47" s="69"/>
      <c r="BP47" s="69"/>
      <c r="BQ47" s="69"/>
      <c r="BR47" s="69"/>
      <c r="BS47" s="69"/>
      <c r="BT47" s="69"/>
      <c r="BU47" s="69"/>
      <c r="BV47" s="69"/>
      <c r="BW47" s="69"/>
      <c r="BX47" s="69"/>
      <c r="BY47" s="69"/>
      <c r="BZ47" s="70"/>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68"/>
      <c r="BM48" s="69"/>
      <c r="BN48" s="69"/>
      <c r="BO48" s="69"/>
      <c r="BP48" s="69"/>
      <c r="BQ48" s="69"/>
      <c r="BR48" s="69"/>
      <c r="BS48" s="69"/>
      <c r="BT48" s="69"/>
      <c r="BU48" s="69"/>
      <c r="BV48" s="69"/>
      <c r="BW48" s="69"/>
      <c r="BX48" s="69"/>
      <c r="BY48" s="69"/>
      <c r="BZ48" s="70"/>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68"/>
      <c r="BM49" s="69"/>
      <c r="BN49" s="69"/>
      <c r="BO49" s="69"/>
      <c r="BP49" s="69"/>
      <c r="BQ49" s="69"/>
      <c r="BR49" s="69"/>
      <c r="BS49" s="69"/>
      <c r="BT49" s="69"/>
      <c r="BU49" s="69"/>
      <c r="BV49" s="69"/>
      <c r="BW49" s="69"/>
      <c r="BX49" s="69"/>
      <c r="BY49" s="69"/>
      <c r="BZ49" s="70"/>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68"/>
      <c r="BM50" s="69"/>
      <c r="BN50" s="69"/>
      <c r="BO50" s="69"/>
      <c r="BP50" s="69"/>
      <c r="BQ50" s="69"/>
      <c r="BR50" s="69"/>
      <c r="BS50" s="69"/>
      <c r="BT50" s="69"/>
      <c r="BU50" s="69"/>
      <c r="BV50" s="69"/>
      <c r="BW50" s="69"/>
      <c r="BX50" s="69"/>
      <c r="BY50" s="69"/>
      <c r="BZ50" s="70"/>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68"/>
      <c r="BM51" s="69"/>
      <c r="BN51" s="69"/>
      <c r="BO51" s="69"/>
      <c r="BP51" s="69"/>
      <c r="BQ51" s="69"/>
      <c r="BR51" s="69"/>
      <c r="BS51" s="69"/>
      <c r="BT51" s="69"/>
      <c r="BU51" s="69"/>
      <c r="BV51" s="69"/>
      <c r="BW51" s="69"/>
      <c r="BX51" s="69"/>
      <c r="BY51" s="69"/>
      <c r="BZ51" s="70"/>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68"/>
      <c r="BM52" s="69"/>
      <c r="BN52" s="69"/>
      <c r="BO52" s="69"/>
      <c r="BP52" s="69"/>
      <c r="BQ52" s="69"/>
      <c r="BR52" s="69"/>
      <c r="BS52" s="69"/>
      <c r="BT52" s="69"/>
      <c r="BU52" s="69"/>
      <c r="BV52" s="69"/>
      <c r="BW52" s="69"/>
      <c r="BX52" s="69"/>
      <c r="BY52" s="69"/>
      <c r="BZ52" s="70"/>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68"/>
      <c r="BM53" s="69"/>
      <c r="BN53" s="69"/>
      <c r="BO53" s="69"/>
      <c r="BP53" s="69"/>
      <c r="BQ53" s="69"/>
      <c r="BR53" s="69"/>
      <c r="BS53" s="69"/>
      <c r="BT53" s="69"/>
      <c r="BU53" s="69"/>
      <c r="BV53" s="69"/>
      <c r="BW53" s="69"/>
      <c r="BX53" s="69"/>
      <c r="BY53" s="69"/>
      <c r="BZ53" s="70"/>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68"/>
      <c r="BM54" s="69"/>
      <c r="BN54" s="69"/>
      <c r="BO54" s="69"/>
      <c r="BP54" s="69"/>
      <c r="BQ54" s="69"/>
      <c r="BR54" s="69"/>
      <c r="BS54" s="69"/>
      <c r="BT54" s="69"/>
      <c r="BU54" s="69"/>
      <c r="BV54" s="69"/>
      <c r="BW54" s="69"/>
      <c r="BX54" s="69"/>
      <c r="BY54" s="69"/>
      <c r="BZ54" s="70"/>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68"/>
      <c r="BM55" s="69"/>
      <c r="BN55" s="69"/>
      <c r="BO55" s="69"/>
      <c r="BP55" s="69"/>
      <c r="BQ55" s="69"/>
      <c r="BR55" s="69"/>
      <c r="BS55" s="69"/>
      <c r="BT55" s="69"/>
      <c r="BU55" s="69"/>
      <c r="BV55" s="69"/>
      <c r="BW55" s="69"/>
      <c r="BX55" s="69"/>
      <c r="BY55" s="69"/>
      <c r="BZ55" s="70"/>
    </row>
    <row r="56" spans="1:78" ht="13.5" customHeight="1" x14ac:dyDescent="0.15">
      <c r="A56" s="2"/>
      <c r="B56" s="16"/>
      <c r="C56" s="74" t="s">
        <v>32</v>
      </c>
      <c r="D56" s="74"/>
      <c r="E56" s="74"/>
      <c r="F56" s="74"/>
      <c r="G56" s="74"/>
      <c r="H56" s="74"/>
      <c r="I56" s="74"/>
      <c r="J56" s="74"/>
      <c r="K56" s="74"/>
      <c r="L56" s="74"/>
      <c r="M56" s="74"/>
      <c r="N56" s="74"/>
      <c r="O56" s="74"/>
      <c r="P56" s="74"/>
      <c r="Q56" s="19"/>
      <c r="R56" s="74" t="s">
        <v>33</v>
      </c>
      <c r="S56" s="74"/>
      <c r="T56" s="74"/>
      <c r="U56" s="74"/>
      <c r="V56" s="74"/>
      <c r="W56" s="74"/>
      <c r="X56" s="74"/>
      <c r="Y56" s="74"/>
      <c r="Z56" s="74"/>
      <c r="AA56" s="74"/>
      <c r="AB56" s="74"/>
      <c r="AC56" s="74"/>
      <c r="AD56" s="74"/>
      <c r="AE56" s="74"/>
      <c r="AF56" s="19"/>
      <c r="AG56" s="74" t="s">
        <v>34</v>
      </c>
      <c r="AH56" s="74"/>
      <c r="AI56" s="74"/>
      <c r="AJ56" s="74"/>
      <c r="AK56" s="74"/>
      <c r="AL56" s="74"/>
      <c r="AM56" s="74"/>
      <c r="AN56" s="74"/>
      <c r="AO56" s="74"/>
      <c r="AP56" s="74"/>
      <c r="AQ56" s="74"/>
      <c r="AR56" s="74"/>
      <c r="AS56" s="74"/>
      <c r="AT56" s="74"/>
      <c r="AU56" s="19"/>
      <c r="AV56" s="74" t="s">
        <v>35</v>
      </c>
      <c r="AW56" s="74"/>
      <c r="AX56" s="74"/>
      <c r="AY56" s="74"/>
      <c r="AZ56" s="74"/>
      <c r="BA56" s="74"/>
      <c r="BB56" s="74"/>
      <c r="BC56" s="74"/>
      <c r="BD56" s="74"/>
      <c r="BE56" s="74"/>
      <c r="BF56" s="74"/>
      <c r="BG56" s="74"/>
      <c r="BH56" s="74"/>
      <c r="BI56" s="74"/>
      <c r="BJ56" s="18"/>
      <c r="BK56" s="2"/>
      <c r="BL56" s="68"/>
      <c r="BM56" s="69"/>
      <c r="BN56" s="69"/>
      <c r="BO56" s="69"/>
      <c r="BP56" s="69"/>
      <c r="BQ56" s="69"/>
      <c r="BR56" s="69"/>
      <c r="BS56" s="69"/>
      <c r="BT56" s="69"/>
      <c r="BU56" s="69"/>
      <c r="BV56" s="69"/>
      <c r="BW56" s="69"/>
      <c r="BX56" s="69"/>
      <c r="BY56" s="69"/>
      <c r="BZ56" s="70"/>
    </row>
    <row r="57" spans="1:78" ht="13.5" customHeight="1" x14ac:dyDescent="0.15">
      <c r="A57" s="2"/>
      <c r="B57" s="16"/>
      <c r="C57" s="74"/>
      <c r="D57" s="74"/>
      <c r="E57" s="74"/>
      <c r="F57" s="74"/>
      <c r="G57" s="74"/>
      <c r="H57" s="74"/>
      <c r="I57" s="74"/>
      <c r="J57" s="74"/>
      <c r="K57" s="74"/>
      <c r="L57" s="74"/>
      <c r="M57" s="74"/>
      <c r="N57" s="74"/>
      <c r="O57" s="74"/>
      <c r="P57" s="74"/>
      <c r="Q57" s="19"/>
      <c r="R57" s="74"/>
      <c r="S57" s="74"/>
      <c r="T57" s="74"/>
      <c r="U57" s="74"/>
      <c r="V57" s="74"/>
      <c r="W57" s="74"/>
      <c r="X57" s="74"/>
      <c r="Y57" s="74"/>
      <c r="Z57" s="74"/>
      <c r="AA57" s="74"/>
      <c r="AB57" s="74"/>
      <c r="AC57" s="74"/>
      <c r="AD57" s="74"/>
      <c r="AE57" s="74"/>
      <c r="AF57" s="19"/>
      <c r="AG57" s="74"/>
      <c r="AH57" s="74"/>
      <c r="AI57" s="74"/>
      <c r="AJ57" s="74"/>
      <c r="AK57" s="74"/>
      <c r="AL57" s="74"/>
      <c r="AM57" s="74"/>
      <c r="AN57" s="74"/>
      <c r="AO57" s="74"/>
      <c r="AP57" s="74"/>
      <c r="AQ57" s="74"/>
      <c r="AR57" s="74"/>
      <c r="AS57" s="74"/>
      <c r="AT57" s="74"/>
      <c r="AU57" s="19"/>
      <c r="AV57" s="74"/>
      <c r="AW57" s="74"/>
      <c r="AX57" s="74"/>
      <c r="AY57" s="74"/>
      <c r="AZ57" s="74"/>
      <c r="BA57" s="74"/>
      <c r="BB57" s="74"/>
      <c r="BC57" s="74"/>
      <c r="BD57" s="74"/>
      <c r="BE57" s="74"/>
      <c r="BF57" s="74"/>
      <c r="BG57" s="74"/>
      <c r="BH57" s="74"/>
      <c r="BI57" s="74"/>
      <c r="BJ57" s="18"/>
      <c r="BK57" s="2"/>
      <c r="BL57" s="68"/>
      <c r="BM57" s="69"/>
      <c r="BN57" s="69"/>
      <c r="BO57" s="69"/>
      <c r="BP57" s="69"/>
      <c r="BQ57" s="69"/>
      <c r="BR57" s="69"/>
      <c r="BS57" s="69"/>
      <c r="BT57" s="69"/>
      <c r="BU57" s="69"/>
      <c r="BV57" s="69"/>
      <c r="BW57" s="69"/>
      <c r="BX57" s="69"/>
      <c r="BY57" s="69"/>
      <c r="BZ57" s="70"/>
    </row>
    <row r="58" spans="1:78" ht="13.5" customHeight="1" x14ac:dyDescent="0.15">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68"/>
      <c r="BM58" s="69"/>
      <c r="BN58" s="69"/>
      <c r="BO58" s="69"/>
      <c r="BP58" s="69"/>
      <c r="BQ58" s="69"/>
      <c r="BR58" s="69"/>
      <c r="BS58" s="69"/>
      <c r="BT58" s="69"/>
      <c r="BU58" s="69"/>
      <c r="BV58" s="69"/>
      <c r="BW58" s="69"/>
      <c r="BX58" s="69"/>
      <c r="BY58" s="69"/>
      <c r="BZ58" s="70"/>
    </row>
    <row r="59" spans="1:78" ht="13.5" customHeight="1" x14ac:dyDescent="0.15">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68"/>
      <c r="BM59" s="69"/>
      <c r="BN59" s="69"/>
      <c r="BO59" s="69"/>
      <c r="BP59" s="69"/>
      <c r="BQ59" s="69"/>
      <c r="BR59" s="69"/>
      <c r="BS59" s="69"/>
      <c r="BT59" s="69"/>
      <c r="BU59" s="69"/>
      <c r="BV59" s="69"/>
      <c r="BW59" s="69"/>
      <c r="BX59" s="69"/>
      <c r="BY59" s="69"/>
      <c r="BZ59" s="70"/>
    </row>
    <row r="60" spans="1:78" ht="13.5" customHeight="1" x14ac:dyDescent="0.15">
      <c r="A60" s="2"/>
      <c r="B60" s="59" t="s">
        <v>36</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68"/>
      <c r="BM60" s="69"/>
      <c r="BN60" s="69"/>
      <c r="BO60" s="69"/>
      <c r="BP60" s="69"/>
      <c r="BQ60" s="69"/>
      <c r="BR60" s="69"/>
      <c r="BS60" s="69"/>
      <c r="BT60" s="69"/>
      <c r="BU60" s="69"/>
      <c r="BV60" s="69"/>
      <c r="BW60" s="69"/>
      <c r="BX60" s="69"/>
      <c r="BY60" s="69"/>
      <c r="BZ60" s="70"/>
    </row>
    <row r="61" spans="1:78" ht="13.5" customHeight="1" x14ac:dyDescent="0.15">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68"/>
      <c r="BM61" s="69"/>
      <c r="BN61" s="69"/>
      <c r="BO61" s="69"/>
      <c r="BP61" s="69"/>
      <c r="BQ61" s="69"/>
      <c r="BR61" s="69"/>
      <c r="BS61" s="69"/>
      <c r="BT61" s="69"/>
      <c r="BU61" s="69"/>
      <c r="BV61" s="69"/>
      <c r="BW61" s="69"/>
      <c r="BX61" s="69"/>
      <c r="BY61" s="69"/>
      <c r="BZ61" s="70"/>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68"/>
      <c r="BM62" s="69"/>
      <c r="BN62" s="69"/>
      <c r="BO62" s="69"/>
      <c r="BP62" s="69"/>
      <c r="BQ62" s="69"/>
      <c r="BR62" s="69"/>
      <c r="BS62" s="69"/>
      <c r="BT62" s="69"/>
      <c r="BU62" s="69"/>
      <c r="BV62" s="69"/>
      <c r="BW62" s="69"/>
      <c r="BX62" s="69"/>
      <c r="BY62" s="69"/>
      <c r="BZ62" s="70"/>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71"/>
      <c r="BM63" s="72"/>
      <c r="BN63" s="72"/>
      <c r="BO63" s="72"/>
      <c r="BP63" s="72"/>
      <c r="BQ63" s="72"/>
      <c r="BR63" s="72"/>
      <c r="BS63" s="72"/>
      <c r="BT63" s="72"/>
      <c r="BU63" s="72"/>
      <c r="BV63" s="72"/>
      <c r="BW63" s="72"/>
      <c r="BX63" s="72"/>
      <c r="BY63" s="72"/>
      <c r="BZ63" s="73"/>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37</v>
      </c>
      <c r="BM64" s="63"/>
      <c r="BN64" s="63"/>
      <c r="BO64" s="63"/>
      <c r="BP64" s="63"/>
      <c r="BQ64" s="63"/>
      <c r="BR64" s="63"/>
      <c r="BS64" s="63"/>
      <c r="BT64" s="63"/>
      <c r="BU64" s="63"/>
      <c r="BV64" s="63"/>
      <c r="BW64" s="63"/>
      <c r="BX64" s="63"/>
      <c r="BY64" s="63"/>
      <c r="BZ64" s="64"/>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68" t="s">
        <v>125</v>
      </c>
      <c r="BM66" s="69"/>
      <c r="BN66" s="69"/>
      <c r="BO66" s="69"/>
      <c r="BP66" s="69"/>
      <c r="BQ66" s="69"/>
      <c r="BR66" s="69"/>
      <c r="BS66" s="69"/>
      <c r="BT66" s="69"/>
      <c r="BU66" s="69"/>
      <c r="BV66" s="69"/>
      <c r="BW66" s="69"/>
      <c r="BX66" s="69"/>
      <c r="BY66" s="69"/>
      <c r="BZ66" s="70"/>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68"/>
      <c r="BM67" s="69"/>
      <c r="BN67" s="69"/>
      <c r="BO67" s="69"/>
      <c r="BP67" s="69"/>
      <c r="BQ67" s="69"/>
      <c r="BR67" s="69"/>
      <c r="BS67" s="69"/>
      <c r="BT67" s="69"/>
      <c r="BU67" s="69"/>
      <c r="BV67" s="69"/>
      <c r="BW67" s="69"/>
      <c r="BX67" s="69"/>
      <c r="BY67" s="69"/>
      <c r="BZ67" s="70"/>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68"/>
      <c r="BM68" s="69"/>
      <c r="BN68" s="69"/>
      <c r="BO68" s="69"/>
      <c r="BP68" s="69"/>
      <c r="BQ68" s="69"/>
      <c r="BR68" s="69"/>
      <c r="BS68" s="69"/>
      <c r="BT68" s="69"/>
      <c r="BU68" s="69"/>
      <c r="BV68" s="69"/>
      <c r="BW68" s="69"/>
      <c r="BX68" s="69"/>
      <c r="BY68" s="69"/>
      <c r="BZ68" s="70"/>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68"/>
      <c r="BM69" s="69"/>
      <c r="BN69" s="69"/>
      <c r="BO69" s="69"/>
      <c r="BP69" s="69"/>
      <c r="BQ69" s="69"/>
      <c r="BR69" s="69"/>
      <c r="BS69" s="69"/>
      <c r="BT69" s="69"/>
      <c r="BU69" s="69"/>
      <c r="BV69" s="69"/>
      <c r="BW69" s="69"/>
      <c r="BX69" s="69"/>
      <c r="BY69" s="69"/>
      <c r="BZ69" s="70"/>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68"/>
      <c r="BM70" s="69"/>
      <c r="BN70" s="69"/>
      <c r="BO70" s="69"/>
      <c r="BP70" s="69"/>
      <c r="BQ70" s="69"/>
      <c r="BR70" s="69"/>
      <c r="BS70" s="69"/>
      <c r="BT70" s="69"/>
      <c r="BU70" s="69"/>
      <c r="BV70" s="69"/>
      <c r="BW70" s="69"/>
      <c r="BX70" s="69"/>
      <c r="BY70" s="69"/>
      <c r="BZ70" s="70"/>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68"/>
      <c r="BM71" s="69"/>
      <c r="BN71" s="69"/>
      <c r="BO71" s="69"/>
      <c r="BP71" s="69"/>
      <c r="BQ71" s="69"/>
      <c r="BR71" s="69"/>
      <c r="BS71" s="69"/>
      <c r="BT71" s="69"/>
      <c r="BU71" s="69"/>
      <c r="BV71" s="69"/>
      <c r="BW71" s="69"/>
      <c r="BX71" s="69"/>
      <c r="BY71" s="69"/>
      <c r="BZ71" s="70"/>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68"/>
      <c r="BM72" s="69"/>
      <c r="BN72" s="69"/>
      <c r="BO72" s="69"/>
      <c r="BP72" s="69"/>
      <c r="BQ72" s="69"/>
      <c r="BR72" s="69"/>
      <c r="BS72" s="69"/>
      <c r="BT72" s="69"/>
      <c r="BU72" s="69"/>
      <c r="BV72" s="69"/>
      <c r="BW72" s="69"/>
      <c r="BX72" s="69"/>
      <c r="BY72" s="69"/>
      <c r="BZ72" s="70"/>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68"/>
      <c r="BM73" s="69"/>
      <c r="BN73" s="69"/>
      <c r="BO73" s="69"/>
      <c r="BP73" s="69"/>
      <c r="BQ73" s="69"/>
      <c r="BR73" s="69"/>
      <c r="BS73" s="69"/>
      <c r="BT73" s="69"/>
      <c r="BU73" s="69"/>
      <c r="BV73" s="69"/>
      <c r="BW73" s="69"/>
      <c r="BX73" s="69"/>
      <c r="BY73" s="69"/>
      <c r="BZ73" s="70"/>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68"/>
      <c r="BM74" s="69"/>
      <c r="BN74" s="69"/>
      <c r="BO74" s="69"/>
      <c r="BP74" s="69"/>
      <c r="BQ74" s="69"/>
      <c r="BR74" s="69"/>
      <c r="BS74" s="69"/>
      <c r="BT74" s="69"/>
      <c r="BU74" s="69"/>
      <c r="BV74" s="69"/>
      <c r="BW74" s="69"/>
      <c r="BX74" s="69"/>
      <c r="BY74" s="69"/>
      <c r="BZ74" s="70"/>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68"/>
      <c r="BM75" s="69"/>
      <c r="BN75" s="69"/>
      <c r="BO75" s="69"/>
      <c r="BP75" s="69"/>
      <c r="BQ75" s="69"/>
      <c r="BR75" s="69"/>
      <c r="BS75" s="69"/>
      <c r="BT75" s="69"/>
      <c r="BU75" s="69"/>
      <c r="BV75" s="69"/>
      <c r="BW75" s="69"/>
      <c r="BX75" s="69"/>
      <c r="BY75" s="69"/>
      <c r="BZ75" s="70"/>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68"/>
      <c r="BM76" s="69"/>
      <c r="BN76" s="69"/>
      <c r="BO76" s="69"/>
      <c r="BP76" s="69"/>
      <c r="BQ76" s="69"/>
      <c r="BR76" s="69"/>
      <c r="BS76" s="69"/>
      <c r="BT76" s="69"/>
      <c r="BU76" s="69"/>
      <c r="BV76" s="69"/>
      <c r="BW76" s="69"/>
      <c r="BX76" s="69"/>
      <c r="BY76" s="69"/>
      <c r="BZ76" s="70"/>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68"/>
      <c r="BM77" s="69"/>
      <c r="BN77" s="69"/>
      <c r="BO77" s="69"/>
      <c r="BP77" s="69"/>
      <c r="BQ77" s="69"/>
      <c r="BR77" s="69"/>
      <c r="BS77" s="69"/>
      <c r="BT77" s="69"/>
      <c r="BU77" s="69"/>
      <c r="BV77" s="69"/>
      <c r="BW77" s="69"/>
      <c r="BX77" s="69"/>
      <c r="BY77" s="69"/>
      <c r="BZ77" s="70"/>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68"/>
      <c r="BM78" s="69"/>
      <c r="BN78" s="69"/>
      <c r="BO78" s="69"/>
      <c r="BP78" s="69"/>
      <c r="BQ78" s="69"/>
      <c r="BR78" s="69"/>
      <c r="BS78" s="69"/>
      <c r="BT78" s="69"/>
      <c r="BU78" s="69"/>
      <c r="BV78" s="69"/>
      <c r="BW78" s="69"/>
      <c r="BX78" s="69"/>
      <c r="BY78" s="69"/>
      <c r="BZ78" s="70"/>
    </row>
    <row r="79" spans="1:78" ht="13.5" customHeight="1" x14ac:dyDescent="0.15">
      <c r="A79" s="2"/>
      <c r="B79" s="16"/>
      <c r="C79" s="74" t="s">
        <v>38</v>
      </c>
      <c r="D79" s="74"/>
      <c r="E79" s="74"/>
      <c r="F79" s="74"/>
      <c r="G79" s="74"/>
      <c r="H79" s="74"/>
      <c r="I79" s="74"/>
      <c r="J79" s="74"/>
      <c r="K79" s="74"/>
      <c r="L79" s="74"/>
      <c r="M79" s="74"/>
      <c r="N79" s="74"/>
      <c r="O79" s="74"/>
      <c r="P79" s="74"/>
      <c r="Q79" s="74"/>
      <c r="R79" s="74"/>
      <c r="S79" s="74"/>
      <c r="T79" s="74"/>
      <c r="U79" s="19"/>
      <c r="V79" s="19"/>
      <c r="W79" s="74" t="s">
        <v>39</v>
      </c>
      <c r="X79" s="74"/>
      <c r="Y79" s="74"/>
      <c r="Z79" s="74"/>
      <c r="AA79" s="74"/>
      <c r="AB79" s="74"/>
      <c r="AC79" s="74"/>
      <c r="AD79" s="74"/>
      <c r="AE79" s="74"/>
      <c r="AF79" s="74"/>
      <c r="AG79" s="74"/>
      <c r="AH79" s="74"/>
      <c r="AI79" s="74"/>
      <c r="AJ79" s="74"/>
      <c r="AK79" s="74"/>
      <c r="AL79" s="74"/>
      <c r="AM79" s="74"/>
      <c r="AN79" s="74"/>
      <c r="AO79" s="19"/>
      <c r="AP79" s="19"/>
      <c r="AQ79" s="74" t="s">
        <v>40</v>
      </c>
      <c r="AR79" s="74"/>
      <c r="AS79" s="74"/>
      <c r="AT79" s="74"/>
      <c r="AU79" s="74"/>
      <c r="AV79" s="74"/>
      <c r="AW79" s="74"/>
      <c r="AX79" s="74"/>
      <c r="AY79" s="74"/>
      <c r="AZ79" s="74"/>
      <c r="BA79" s="74"/>
      <c r="BB79" s="74"/>
      <c r="BC79" s="74"/>
      <c r="BD79" s="74"/>
      <c r="BE79" s="74"/>
      <c r="BF79" s="74"/>
      <c r="BG79" s="74"/>
      <c r="BH79" s="74"/>
      <c r="BI79" s="17"/>
      <c r="BJ79" s="18"/>
      <c r="BK79" s="2"/>
      <c r="BL79" s="68"/>
      <c r="BM79" s="69"/>
      <c r="BN79" s="69"/>
      <c r="BO79" s="69"/>
      <c r="BP79" s="69"/>
      <c r="BQ79" s="69"/>
      <c r="BR79" s="69"/>
      <c r="BS79" s="69"/>
      <c r="BT79" s="69"/>
      <c r="BU79" s="69"/>
      <c r="BV79" s="69"/>
      <c r="BW79" s="69"/>
      <c r="BX79" s="69"/>
      <c r="BY79" s="69"/>
      <c r="BZ79" s="70"/>
    </row>
    <row r="80" spans="1:78" ht="13.5" customHeight="1" x14ac:dyDescent="0.15">
      <c r="A80" s="2"/>
      <c r="B80" s="16"/>
      <c r="C80" s="74"/>
      <c r="D80" s="74"/>
      <c r="E80" s="74"/>
      <c r="F80" s="74"/>
      <c r="G80" s="74"/>
      <c r="H80" s="74"/>
      <c r="I80" s="74"/>
      <c r="J80" s="74"/>
      <c r="K80" s="74"/>
      <c r="L80" s="74"/>
      <c r="M80" s="74"/>
      <c r="N80" s="74"/>
      <c r="O80" s="74"/>
      <c r="P80" s="74"/>
      <c r="Q80" s="74"/>
      <c r="R80" s="74"/>
      <c r="S80" s="74"/>
      <c r="T80" s="74"/>
      <c r="U80" s="19"/>
      <c r="V80" s="19"/>
      <c r="W80" s="74"/>
      <c r="X80" s="74"/>
      <c r="Y80" s="74"/>
      <c r="Z80" s="74"/>
      <c r="AA80" s="74"/>
      <c r="AB80" s="74"/>
      <c r="AC80" s="74"/>
      <c r="AD80" s="74"/>
      <c r="AE80" s="74"/>
      <c r="AF80" s="74"/>
      <c r="AG80" s="74"/>
      <c r="AH80" s="74"/>
      <c r="AI80" s="74"/>
      <c r="AJ80" s="74"/>
      <c r="AK80" s="74"/>
      <c r="AL80" s="74"/>
      <c r="AM80" s="74"/>
      <c r="AN80" s="74"/>
      <c r="AO80" s="19"/>
      <c r="AP80" s="19"/>
      <c r="AQ80" s="74"/>
      <c r="AR80" s="74"/>
      <c r="AS80" s="74"/>
      <c r="AT80" s="74"/>
      <c r="AU80" s="74"/>
      <c r="AV80" s="74"/>
      <c r="AW80" s="74"/>
      <c r="AX80" s="74"/>
      <c r="AY80" s="74"/>
      <c r="AZ80" s="74"/>
      <c r="BA80" s="74"/>
      <c r="BB80" s="74"/>
      <c r="BC80" s="74"/>
      <c r="BD80" s="74"/>
      <c r="BE80" s="74"/>
      <c r="BF80" s="74"/>
      <c r="BG80" s="74"/>
      <c r="BH80" s="74"/>
      <c r="BI80" s="17"/>
      <c r="BJ80" s="18"/>
      <c r="BK80" s="2"/>
      <c r="BL80" s="68"/>
      <c r="BM80" s="69"/>
      <c r="BN80" s="69"/>
      <c r="BO80" s="69"/>
      <c r="BP80" s="69"/>
      <c r="BQ80" s="69"/>
      <c r="BR80" s="69"/>
      <c r="BS80" s="69"/>
      <c r="BT80" s="69"/>
      <c r="BU80" s="69"/>
      <c r="BV80" s="69"/>
      <c r="BW80" s="69"/>
      <c r="BX80" s="69"/>
      <c r="BY80" s="69"/>
      <c r="BZ80" s="70"/>
    </row>
    <row r="81" spans="1:78" ht="13.5" customHeight="1" x14ac:dyDescent="0.15">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68"/>
      <c r="BM81" s="69"/>
      <c r="BN81" s="69"/>
      <c r="BO81" s="69"/>
      <c r="BP81" s="69"/>
      <c r="BQ81" s="69"/>
      <c r="BR81" s="69"/>
      <c r="BS81" s="69"/>
      <c r="BT81" s="69"/>
      <c r="BU81" s="69"/>
      <c r="BV81" s="69"/>
      <c r="BW81" s="69"/>
      <c r="BX81" s="69"/>
      <c r="BY81" s="69"/>
      <c r="BZ81" s="70"/>
    </row>
    <row r="82" spans="1:78" ht="13.5" customHeight="1" x14ac:dyDescent="0.15">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71"/>
      <c r="BM82" s="72"/>
      <c r="BN82" s="72"/>
      <c r="BO82" s="72"/>
      <c r="BP82" s="72"/>
      <c r="BQ82" s="72"/>
      <c r="BR82" s="72"/>
      <c r="BS82" s="72"/>
      <c r="BT82" s="72"/>
      <c r="BU82" s="72"/>
      <c r="BV82" s="72"/>
      <c r="BW82" s="72"/>
      <c r="BX82" s="72"/>
      <c r="BY82" s="72"/>
      <c r="BZ82" s="73"/>
    </row>
    <row r="83" spans="1:78" x14ac:dyDescent="0.15">
      <c r="C83" s="2" t="s">
        <v>41</v>
      </c>
    </row>
    <row r="84" spans="1:78" x14ac:dyDescent="0.15">
      <c r="C84" s="2" t="s">
        <v>42</v>
      </c>
    </row>
    <row r="85" spans="1:78" hidden="1" x14ac:dyDescent="0.15">
      <c r="B85" s="25" t="s">
        <v>43</v>
      </c>
      <c r="C85" s="25"/>
      <c r="D85" s="25"/>
      <c r="E85" s="25" t="s">
        <v>44</v>
      </c>
      <c r="F85" s="25" t="s">
        <v>45</v>
      </c>
      <c r="G85" s="25" t="s">
        <v>46</v>
      </c>
      <c r="H85" s="25" t="s">
        <v>47</v>
      </c>
      <c r="I85" s="25" t="s">
        <v>48</v>
      </c>
      <c r="J85" s="25" t="s">
        <v>49</v>
      </c>
      <c r="K85" s="25" t="s">
        <v>50</v>
      </c>
      <c r="L85" s="25" t="s">
        <v>51</v>
      </c>
      <c r="M85" s="25" t="s">
        <v>52</v>
      </c>
      <c r="N85" s="25" t="s">
        <v>53</v>
      </c>
      <c r="O85" s="25" t="s">
        <v>54</v>
      </c>
    </row>
    <row r="86" spans="1:78" hidden="1" x14ac:dyDescent="0.15">
      <c r="B86" s="25"/>
      <c r="C86" s="25"/>
      <c r="D86" s="25"/>
      <c r="E86" s="25" t="str">
        <f>データ!AI6</f>
        <v/>
      </c>
      <c r="F86" s="25" t="s">
        <v>55</v>
      </c>
      <c r="G86" s="25" t="s">
        <v>55</v>
      </c>
      <c r="H86" s="25" t="str">
        <f>データ!BP6</f>
        <v>【707.33】</v>
      </c>
      <c r="I86" s="25" t="str">
        <f>データ!CA6</f>
        <v>【101.26】</v>
      </c>
      <c r="J86" s="25" t="str">
        <f>データ!CL6</f>
        <v>【136.39】</v>
      </c>
      <c r="K86" s="25" t="str">
        <f>データ!CW6</f>
        <v>【60.13】</v>
      </c>
      <c r="L86" s="25" t="str">
        <f>データ!DH6</f>
        <v>【95.06】</v>
      </c>
      <c r="M86" s="25" t="s">
        <v>55</v>
      </c>
      <c r="N86" s="25" t="s">
        <v>56</v>
      </c>
      <c r="O86" s="25" t="str">
        <f>データ!EO6</f>
        <v>【0.23】</v>
      </c>
    </row>
  </sheetData>
  <sheetProtection algorithmName="SHA-512" hashValue="yzCrdrH8iIDUFFoQ58KXMPUH5IdZ/yok8xn1ASC56ZC5tA+WaMZ02T1WhWc6j65Zjrx730QCACP/RtVs1YGtJQ==" saltValue="IK4HZ8z7Ui7xP5c9ILQugg==" spinCount="100000" sheet="1" objects="1" scenarios="1" formatCells="0" formatColumns="0" formatRows="0"/>
  <mergeCells count="57">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B9:BI9"/>
    <mergeCell ref="BL9:BM9"/>
    <mergeCell ref="B10:H10"/>
    <mergeCell ref="I10:O10"/>
    <mergeCell ref="P10:V10"/>
    <mergeCell ref="W10:AC10"/>
    <mergeCell ref="AD10:AJ10"/>
    <mergeCell ref="AL10:AS10"/>
    <mergeCell ref="AT10:BA10"/>
    <mergeCell ref="BB10:BI10"/>
    <mergeCell ref="BL10:BM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5" x14ac:dyDescent="0.15"/>
  <cols>
    <col min="2" max="144" width="11.875" customWidth="1"/>
  </cols>
  <sheetData>
    <row r="1" spans="1:145" x14ac:dyDescent="0.15">
      <c r="A1" t="s">
        <v>57</v>
      </c>
      <c r="Y1" s="26">
        <v>1</v>
      </c>
      <c r="Z1" s="26">
        <v>1</v>
      </c>
      <c r="AA1" s="26">
        <v>1</v>
      </c>
      <c r="AB1" s="26">
        <v>1</v>
      </c>
      <c r="AC1" s="26">
        <v>1</v>
      </c>
      <c r="AD1" s="26">
        <v>1</v>
      </c>
      <c r="AE1" s="26">
        <v>1</v>
      </c>
      <c r="AF1" s="26">
        <v>1</v>
      </c>
      <c r="AG1" s="26">
        <v>1</v>
      </c>
      <c r="AH1" s="26">
        <v>1</v>
      </c>
      <c r="AI1" s="26"/>
      <c r="AJ1" s="26">
        <v>1</v>
      </c>
      <c r="AK1" s="26">
        <v>1</v>
      </c>
      <c r="AL1" s="26">
        <v>1</v>
      </c>
      <c r="AM1" s="26">
        <v>1</v>
      </c>
      <c r="AN1" s="26">
        <v>1</v>
      </c>
      <c r="AO1" s="26">
        <v>1</v>
      </c>
      <c r="AP1" s="26">
        <v>1</v>
      </c>
      <c r="AQ1" s="26">
        <v>1</v>
      </c>
      <c r="AR1" s="26">
        <v>1</v>
      </c>
      <c r="AS1" s="26">
        <v>1</v>
      </c>
      <c r="AT1" s="26"/>
      <c r="AU1" s="26">
        <v>1</v>
      </c>
      <c r="AV1" s="26">
        <v>1</v>
      </c>
      <c r="AW1" s="26">
        <v>1</v>
      </c>
      <c r="AX1" s="26">
        <v>1</v>
      </c>
      <c r="AY1" s="26">
        <v>1</v>
      </c>
      <c r="AZ1" s="26">
        <v>1</v>
      </c>
      <c r="BA1" s="26">
        <v>1</v>
      </c>
      <c r="BB1" s="26">
        <v>1</v>
      </c>
      <c r="BC1" s="26">
        <v>1</v>
      </c>
      <c r="BD1" s="26">
        <v>1</v>
      </c>
      <c r="BE1" s="26"/>
      <c r="BF1" s="26">
        <v>1</v>
      </c>
      <c r="BG1" s="26">
        <v>1</v>
      </c>
      <c r="BH1" s="26">
        <v>1</v>
      </c>
      <c r="BI1" s="26">
        <v>1</v>
      </c>
      <c r="BJ1" s="26">
        <v>1</v>
      </c>
      <c r="BK1" s="26">
        <v>1</v>
      </c>
      <c r="BL1" s="26">
        <v>1</v>
      </c>
      <c r="BM1" s="26">
        <v>1</v>
      </c>
      <c r="BN1" s="26">
        <v>1</v>
      </c>
      <c r="BO1" s="26">
        <v>1</v>
      </c>
      <c r="BP1" s="26"/>
      <c r="BQ1" s="26">
        <v>1</v>
      </c>
      <c r="BR1" s="26">
        <v>1</v>
      </c>
      <c r="BS1" s="26">
        <v>1</v>
      </c>
      <c r="BT1" s="26">
        <v>1</v>
      </c>
      <c r="BU1" s="26">
        <v>1</v>
      </c>
      <c r="BV1" s="26">
        <v>1</v>
      </c>
      <c r="BW1" s="26">
        <v>1</v>
      </c>
      <c r="BX1" s="26">
        <v>1</v>
      </c>
      <c r="BY1" s="26">
        <v>1</v>
      </c>
      <c r="BZ1" s="26">
        <v>1</v>
      </c>
      <c r="CA1" s="26"/>
      <c r="CB1" s="26">
        <v>1</v>
      </c>
      <c r="CC1" s="26">
        <v>1</v>
      </c>
      <c r="CD1" s="26">
        <v>1</v>
      </c>
      <c r="CE1" s="26">
        <v>1</v>
      </c>
      <c r="CF1" s="26">
        <v>1</v>
      </c>
      <c r="CG1" s="26">
        <v>1</v>
      </c>
      <c r="CH1" s="26">
        <v>1</v>
      </c>
      <c r="CI1" s="26">
        <v>1</v>
      </c>
      <c r="CJ1" s="26">
        <v>1</v>
      </c>
      <c r="CK1" s="26">
        <v>1</v>
      </c>
      <c r="CL1" s="26"/>
      <c r="CM1" s="26">
        <v>1</v>
      </c>
      <c r="CN1" s="26">
        <v>1</v>
      </c>
      <c r="CO1" s="26">
        <v>1</v>
      </c>
      <c r="CP1" s="26">
        <v>1</v>
      </c>
      <c r="CQ1" s="26">
        <v>1</v>
      </c>
      <c r="CR1" s="26">
        <v>1</v>
      </c>
      <c r="CS1" s="26">
        <v>1</v>
      </c>
      <c r="CT1" s="26">
        <v>1</v>
      </c>
      <c r="CU1" s="26">
        <v>1</v>
      </c>
      <c r="CV1" s="26">
        <v>1</v>
      </c>
      <c r="CW1" s="26"/>
      <c r="CX1" s="26">
        <v>1</v>
      </c>
      <c r="CY1" s="26">
        <v>1</v>
      </c>
      <c r="CZ1" s="26">
        <v>1</v>
      </c>
      <c r="DA1" s="26">
        <v>1</v>
      </c>
      <c r="DB1" s="26">
        <v>1</v>
      </c>
      <c r="DC1" s="26">
        <v>1</v>
      </c>
      <c r="DD1" s="26">
        <v>1</v>
      </c>
      <c r="DE1" s="26">
        <v>1</v>
      </c>
      <c r="DF1" s="26">
        <v>1</v>
      </c>
      <c r="DG1" s="26">
        <v>1</v>
      </c>
      <c r="DH1" s="26"/>
      <c r="DI1" s="26">
        <v>1</v>
      </c>
      <c r="DJ1" s="26">
        <v>1</v>
      </c>
      <c r="DK1" s="26">
        <v>1</v>
      </c>
      <c r="DL1" s="26">
        <v>1</v>
      </c>
      <c r="DM1" s="26">
        <v>1</v>
      </c>
      <c r="DN1" s="26">
        <v>1</v>
      </c>
      <c r="DO1" s="26">
        <v>1</v>
      </c>
      <c r="DP1" s="26">
        <v>1</v>
      </c>
      <c r="DQ1" s="26">
        <v>1</v>
      </c>
      <c r="DR1" s="26">
        <v>1</v>
      </c>
      <c r="DS1" s="26"/>
      <c r="DT1" s="26">
        <v>1</v>
      </c>
      <c r="DU1" s="26">
        <v>1</v>
      </c>
      <c r="DV1" s="26">
        <v>1</v>
      </c>
      <c r="DW1" s="26">
        <v>1</v>
      </c>
      <c r="DX1" s="26">
        <v>1</v>
      </c>
      <c r="DY1" s="26">
        <v>1</v>
      </c>
      <c r="DZ1" s="26">
        <v>1</v>
      </c>
      <c r="EA1" s="26">
        <v>1</v>
      </c>
      <c r="EB1" s="26">
        <v>1</v>
      </c>
      <c r="EC1" s="26">
        <v>1</v>
      </c>
      <c r="ED1" s="26"/>
      <c r="EE1" s="26">
        <v>1</v>
      </c>
      <c r="EF1" s="26">
        <v>1</v>
      </c>
      <c r="EG1" s="26">
        <v>1</v>
      </c>
      <c r="EH1" s="26">
        <v>1</v>
      </c>
      <c r="EI1" s="26">
        <v>1</v>
      </c>
      <c r="EJ1" s="26">
        <v>1</v>
      </c>
      <c r="EK1" s="26">
        <v>1</v>
      </c>
      <c r="EL1" s="26">
        <v>1</v>
      </c>
      <c r="EM1" s="26">
        <v>1</v>
      </c>
      <c r="EN1" s="26">
        <v>1</v>
      </c>
      <c r="EO1" s="26"/>
    </row>
    <row r="2" spans="1:145" x14ac:dyDescent="0.15">
      <c r="A2" s="27" t="s">
        <v>58</v>
      </c>
      <c r="B2" s="27">
        <f>COLUMN()-1</f>
        <v>1</v>
      </c>
      <c r="C2" s="27">
        <f t="shared" ref="C2:BS2" si="0">COLUMN()-1</f>
        <v>2</v>
      </c>
      <c r="D2" s="27">
        <f t="shared" si="0"/>
        <v>3</v>
      </c>
      <c r="E2" s="27">
        <f t="shared" si="0"/>
        <v>4</v>
      </c>
      <c r="F2" s="27">
        <f t="shared" si="0"/>
        <v>5</v>
      </c>
      <c r="G2" s="27">
        <f t="shared" si="0"/>
        <v>6</v>
      </c>
      <c r="H2" s="27">
        <f t="shared" si="0"/>
        <v>7</v>
      </c>
      <c r="I2" s="27">
        <f t="shared" si="0"/>
        <v>8</v>
      </c>
      <c r="J2" s="27">
        <f t="shared" si="0"/>
        <v>9</v>
      </c>
      <c r="K2" s="27">
        <f t="shared" si="0"/>
        <v>10</v>
      </c>
      <c r="L2" s="27">
        <f t="shared" si="0"/>
        <v>11</v>
      </c>
      <c r="M2" s="27">
        <f t="shared" si="0"/>
        <v>12</v>
      </c>
      <c r="N2" s="27">
        <f t="shared" si="0"/>
        <v>13</v>
      </c>
      <c r="O2" s="27">
        <f t="shared" si="0"/>
        <v>14</v>
      </c>
      <c r="P2" s="27">
        <f t="shared" si="0"/>
        <v>15</v>
      </c>
      <c r="Q2" s="27">
        <f t="shared" si="0"/>
        <v>16</v>
      </c>
      <c r="R2" s="27">
        <f t="shared" si="0"/>
        <v>17</v>
      </c>
      <c r="S2" s="27">
        <f t="shared" si="0"/>
        <v>18</v>
      </c>
      <c r="T2" s="27">
        <f t="shared" si="0"/>
        <v>19</v>
      </c>
      <c r="U2" s="27">
        <f t="shared" si="0"/>
        <v>20</v>
      </c>
      <c r="V2" s="27">
        <f t="shared" si="0"/>
        <v>21</v>
      </c>
      <c r="W2" s="27">
        <f t="shared" si="0"/>
        <v>22</v>
      </c>
      <c r="X2" s="27">
        <f t="shared" si="0"/>
        <v>23</v>
      </c>
      <c r="Y2" s="27">
        <f t="shared" si="0"/>
        <v>24</v>
      </c>
      <c r="Z2" s="27">
        <f t="shared" si="0"/>
        <v>25</v>
      </c>
      <c r="AA2" s="27">
        <f t="shared" si="0"/>
        <v>26</v>
      </c>
      <c r="AB2" s="27">
        <f t="shared" si="0"/>
        <v>27</v>
      </c>
      <c r="AC2" s="27">
        <f t="shared" si="0"/>
        <v>28</v>
      </c>
      <c r="AD2" s="27">
        <f t="shared" si="0"/>
        <v>29</v>
      </c>
      <c r="AE2" s="27">
        <f t="shared" si="0"/>
        <v>30</v>
      </c>
      <c r="AF2" s="27">
        <f t="shared" si="0"/>
        <v>31</v>
      </c>
      <c r="AG2" s="27">
        <f t="shared" si="0"/>
        <v>32</v>
      </c>
      <c r="AH2" s="27">
        <f t="shared" si="0"/>
        <v>33</v>
      </c>
      <c r="AI2" s="27">
        <f t="shared" si="0"/>
        <v>34</v>
      </c>
      <c r="AJ2" s="27">
        <f t="shared" si="0"/>
        <v>35</v>
      </c>
      <c r="AK2" s="27">
        <f t="shared" si="0"/>
        <v>36</v>
      </c>
      <c r="AL2" s="27">
        <f t="shared" si="0"/>
        <v>37</v>
      </c>
      <c r="AM2" s="27">
        <f t="shared" si="0"/>
        <v>38</v>
      </c>
      <c r="AN2" s="27">
        <f t="shared" si="0"/>
        <v>39</v>
      </c>
      <c r="AO2" s="27">
        <f t="shared" si="0"/>
        <v>40</v>
      </c>
      <c r="AP2" s="27">
        <f t="shared" si="0"/>
        <v>41</v>
      </c>
      <c r="AQ2" s="27">
        <f t="shared" si="0"/>
        <v>42</v>
      </c>
      <c r="AR2" s="27">
        <f t="shared" si="0"/>
        <v>43</v>
      </c>
      <c r="AS2" s="27">
        <f t="shared" si="0"/>
        <v>44</v>
      </c>
      <c r="AT2" s="27">
        <f t="shared" si="0"/>
        <v>45</v>
      </c>
      <c r="AU2" s="27">
        <f t="shared" si="0"/>
        <v>46</v>
      </c>
      <c r="AV2" s="27">
        <f t="shared" si="0"/>
        <v>47</v>
      </c>
      <c r="AW2" s="27">
        <f t="shared" si="0"/>
        <v>48</v>
      </c>
      <c r="AX2" s="27">
        <f t="shared" si="0"/>
        <v>49</v>
      </c>
      <c r="AY2" s="27">
        <f t="shared" si="0"/>
        <v>50</v>
      </c>
      <c r="AZ2" s="27">
        <f t="shared" si="0"/>
        <v>51</v>
      </c>
      <c r="BA2" s="27">
        <f t="shared" si="0"/>
        <v>52</v>
      </c>
      <c r="BB2" s="27">
        <f t="shared" si="0"/>
        <v>53</v>
      </c>
      <c r="BC2" s="27">
        <f t="shared" si="0"/>
        <v>54</v>
      </c>
      <c r="BD2" s="27">
        <f t="shared" si="0"/>
        <v>55</v>
      </c>
      <c r="BE2" s="27">
        <f t="shared" si="0"/>
        <v>56</v>
      </c>
      <c r="BF2" s="27">
        <f t="shared" si="0"/>
        <v>57</v>
      </c>
      <c r="BG2" s="27">
        <f t="shared" si="0"/>
        <v>58</v>
      </c>
      <c r="BH2" s="27">
        <f t="shared" si="0"/>
        <v>59</v>
      </c>
      <c r="BI2" s="27">
        <f t="shared" si="0"/>
        <v>60</v>
      </c>
      <c r="BJ2" s="27">
        <f t="shared" si="0"/>
        <v>61</v>
      </c>
      <c r="BK2" s="27">
        <f t="shared" si="0"/>
        <v>62</v>
      </c>
      <c r="BL2" s="27">
        <f t="shared" si="0"/>
        <v>63</v>
      </c>
      <c r="BM2" s="27">
        <f t="shared" si="0"/>
        <v>64</v>
      </c>
      <c r="BN2" s="27">
        <f t="shared" si="0"/>
        <v>65</v>
      </c>
      <c r="BO2" s="27">
        <f t="shared" si="0"/>
        <v>66</v>
      </c>
      <c r="BP2" s="27">
        <f t="shared" si="0"/>
        <v>67</v>
      </c>
      <c r="BQ2" s="27">
        <f t="shared" si="0"/>
        <v>68</v>
      </c>
      <c r="BR2" s="27">
        <f t="shared" si="0"/>
        <v>69</v>
      </c>
      <c r="BS2" s="27">
        <f t="shared" si="0"/>
        <v>70</v>
      </c>
      <c r="BT2" s="27">
        <f t="shared" ref="BT2:EE2" si="1">COLUMN()-1</f>
        <v>71</v>
      </c>
      <c r="BU2" s="27">
        <f t="shared" si="1"/>
        <v>72</v>
      </c>
      <c r="BV2" s="27">
        <f t="shared" si="1"/>
        <v>73</v>
      </c>
      <c r="BW2" s="27">
        <f t="shared" si="1"/>
        <v>74</v>
      </c>
      <c r="BX2" s="27">
        <f t="shared" si="1"/>
        <v>75</v>
      </c>
      <c r="BY2" s="27">
        <f t="shared" si="1"/>
        <v>76</v>
      </c>
      <c r="BZ2" s="27">
        <f t="shared" si="1"/>
        <v>77</v>
      </c>
      <c r="CA2" s="27">
        <f t="shared" si="1"/>
        <v>78</v>
      </c>
      <c r="CB2" s="27">
        <f t="shared" si="1"/>
        <v>79</v>
      </c>
      <c r="CC2" s="27">
        <f t="shared" si="1"/>
        <v>80</v>
      </c>
      <c r="CD2" s="27">
        <f t="shared" si="1"/>
        <v>81</v>
      </c>
      <c r="CE2" s="27">
        <f t="shared" si="1"/>
        <v>82</v>
      </c>
      <c r="CF2" s="27">
        <f t="shared" si="1"/>
        <v>83</v>
      </c>
      <c r="CG2" s="27">
        <f t="shared" si="1"/>
        <v>84</v>
      </c>
      <c r="CH2" s="27">
        <f t="shared" si="1"/>
        <v>85</v>
      </c>
      <c r="CI2" s="27">
        <f t="shared" si="1"/>
        <v>86</v>
      </c>
      <c r="CJ2" s="27">
        <f t="shared" si="1"/>
        <v>87</v>
      </c>
      <c r="CK2" s="27">
        <f t="shared" si="1"/>
        <v>88</v>
      </c>
      <c r="CL2" s="27">
        <f t="shared" si="1"/>
        <v>89</v>
      </c>
      <c r="CM2" s="27">
        <f t="shared" si="1"/>
        <v>90</v>
      </c>
      <c r="CN2" s="27">
        <f t="shared" si="1"/>
        <v>91</v>
      </c>
      <c r="CO2" s="27">
        <f t="shared" si="1"/>
        <v>92</v>
      </c>
      <c r="CP2" s="27">
        <f t="shared" si="1"/>
        <v>93</v>
      </c>
      <c r="CQ2" s="27">
        <f t="shared" si="1"/>
        <v>94</v>
      </c>
      <c r="CR2" s="27">
        <f t="shared" si="1"/>
        <v>95</v>
      </c>
      <c r="CS2" s="27">
        <f t="shared" si="1"/>
        <v>96</v>
      </c>
      <c r="CT2" s="27">
        <f t="shared" si="1"/>
        <v>97</v>
      </c>
      <c r="CU2" s="27">
        <f t="shared" si="1"/>
        <v>98</v>
      </c>
      <c r="CV2" s="27">
        <f t="shared" si="1"/>
        <v>99</v>
      </c>
      <c r="CW2" s="27">
        <f t="shared" si="1"/>
        <v>100</v>
      </c>
      <c r="CX2" s="27">
        <f t="shared" si="1"/>
        <v>101</v>
      </c>
      <c r="CY2" s="27">
        <f t="shared" si="1"/>
        <v>102</v>
      </c>
      <c r="CZ2" s="27">
        <f t="shared" si="1"/>
        <v>103</v>
      </c>
      <c r="DA2" s="27">
        <f t="shared" si="1"/>
        <v>104</v>
      </c>
      <c r="DB2" s="27">
        <f t="shared" si="1"/>
        <v>105</v>
      </c>
      <c r="DC2" s="27">
        <f t="shared" si="1"/>
        <v>106</v>
      </c>
      <c r="DD2" s="27">
        <f t="shared" si="1"/>
        <v>107</v>
      </c>
      <c r="DE2" s="27">
        <f t="shared" si="1"/>
        <v>108</v>
      </c>
      <c r="DF2" s="27">
        <f t="shared" si="1"/>
        <v>109</v>
      </c>
      <c r="DG2" s="27">
        <f t="shared" si="1"/>
        <v>110</v>
      </c>
      <c r="DH2" s="27">
        <f t="shared" si="1"/>
        <v>111</v>
      </c>
      <c r="DI2" s="27">
        <f t="shared" si="1"/>
        <v>112</v>
      </c>
      <c r="DJ2" s="27">
        <f t="shared" si="1"/>
        <v>113</v>
      </c>
      <c r="DK2" s="27">
        <f t="shared" si="1"/>
        <v>114</v>
      </c>
      <c r="DL2" s="27">
        <f t="shared" si="1"/>
        <v>115</v>
      </c>
      <c r="DM2" s="27">
        <f t="shared" si="1"/>
        <v>116</v>
      </c>
      <c r="DN2" s="27">
        <f t="shared" si="1"/>
        <v>117</v>
      </c>
      <c r="DO2" s="27">
        <f t="shared" si="1"/>
        <v>118</v>
      </c>
      <c r="DP2" s="27">
        <f t="shared" si="1"/>
        <v>119</v>
      </c>
      <c r="DQ2" s="27">
        <f t="shared" si="1"/>
        <v>120</v>
      </c>
      <c r="DR2" s="27">
        <f t="shared" si="1"/>
        <v>121</v>
      </c>
      <c r="DS2" s="27">
        <f t="shared" si="1"/>
        <v>122</v>
      </c>
      <c r="DT2" s="27">
        <f t="shared" si="1"/>
        <v>123</v>
      </c>
      <c r="DU2" s="27">
        <f t="shared" si="1"/>
        <v>124</v>
      </c>
      <c r="DV2" s="27">
        <f t="shared" si="1"/>
        <v>125</v>
      </c>
      <c r="DW2" s="27">
        <f t="shared" si="1"/>
        <v>126</v>
      </c>
      <c r="DX2" s="27">
        <f t="shared" si="1"/>
        <v>127</v>
      </c>
      <c r="DY2" s="27">
        <f t="shared" si="1"/>
        <v>128</v>
      </c>
      <c r="DZ2" s="27">
        <f t="shared" si="1"/>
        <v>129</v>
      </c>
      <c r="EA2" s="27">
        <f t="shared" si="1"/>
        <v>130</v>
      </c>
      <c r="EB2" s="27">
        <f t="shared" si="1"/>
        <v>131</v>
      </c>
      <c r="EC2" s="27">
        <f t="shared" si="1"/>
        <v>132</v>
      </c>
      <c r="ED2" s="27">
        <f t="shared" si="1"/>
        <v>133</v>
      </c>
      <c r="EE2" s="27">
        <f t="shared" si="1"/>
        <v>134</v>
      </c>
      <c r="EF2" s="27">
        <f t="shared" ref="EF2:EO2" si="2">COLUMN()-1</f>
        <v>135</v>
      </c>
      <c r="EG2" s="27">
        <f t="shared" si="2"/>
        <v>136</v>
      </c>
      <c r="EH2" s="27">
        <f t="shared" si="2"/>
        <v>137</v>
      </c>
      <c r="EI2" s="27">
        <f t="shared" si="2"/>
        <v>138</v>
      </c>
      <c r="EJ2" s="27">
        <f t="shared" si="2"/>
        <v>139</v>
      </c>
      <c r="EK2" s="27">
        <f t="shared" si="2"/>
        <v>140</v>
      </c>
      <c r="EL2" s="27">
        <f t="shared" si="2"/>
        <v>141</v>
      </c>
      <c r="EM2" s="27">
        <f t="shared" si="2"/>
        <v>142</v>
      </c>
      <c r="EN2" s="27">
        <f t="shared" si="2"/>
        <v>143</v>
      </c>
      <c r="EO2" s="27">
        <f t="shared" si="2"/>
        <v>144</v>
      </c>
    </row>
    <row r="3" spans="1:145" x14ac:dyDescent="0.15">
      <c r="A3" s="27" t="s">
        <v>59</v>
      </c>
      <c r="B3" s="28" t="s">
        <v>60</v>
      </c>
      <c r="C3" s="28" t="s">
        <v>61</v>
      </c>
      <c r="D3" s="28" t="s">
        <v>62</v>
      </c>
      <c r="E3" s="28" t="s">
        <v>63</v>
      </c>
      <c r="F3" s="28" t="s">
        <v>64</v>
      </c>
      <c r="G3" s="28" t="s">
        <v>65</v>
      </c>
      <c r="H3" s="76" t="s">
        <v>66</v>
      </c>
      <c r="I3" s="77"/>
      <c r="J3" s="77"/>
      <c r="K3" s="77"/>
      <c r="L3" s="77"/>
      <c r="M3" s="77"/>
      <c r="N3" s="77"/>
      <c r="O3" s="77"/>
      <c r="P3" s="77"/>
      <c r="Q3" s="77"/>
      <c r="R3" s="77"/>
      <c r="S3" s="77"/>
      <c r="T3" s="77"/>
      <c r="U3" s="77"/>
      <c r="V3" s="77"/>
      <c r="W3" s="77"/>
      <c r="X3" s="78"/>
      <c r="Y3" s="82" t="s">
        <v>67</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68</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15">
      <c r="A4" s="27" t="s">
        <v>69</v>
      </c>
      <c r="B4" s="29"/>
      <c r="C4" s="29"/>
      <c r="D4" s="29"/>
      <c r="E4" s="29"/>
      <c r="F4" s="29"/>
      <c r="G4" s="29"/>
      <c r="H4" s="79"/>
      <c r="I4" s="80"/>
      <c r="J4" s="80"/>
      <c r="K4" s="80"/>
      <c r="L4" s="80"/>
      <c r="M4" s="80"/>
      <c r="N4" s="80"/>
      <c r="O4" s="80"/>
      <c r="P4" s="80"/>
      <c r="Q4" s="80"/>
      <c r="R4" s="80"/>
      <c r="S4" s="80"/>
      <c r="T4" s="80"/>
      <c r="U4" s="80"/>
      <c r="V4" s="80"/>
      <c r="W4" s="80"/>
      <c r="X4" s="81"/>
      <c r="Y4" s="75" t="s">
        <v>70</v>
      </c>
      <c r="Z4" s="75"/>
      <c r="AA4" s="75"/>
      <c r="AB4" s="75"/>
      <c r="AC4" s="75"/>
      <c r="AD4" s="75"/>
      <c r="AE4" s="75"/>
      <c r="AF4" s="75"/>
      <c r="AG4" s="75"/>
      <c r="AH4" s="75"/>
      <c r="AI4" s="75"/>
      <c r="AJ4" s="75" t="s">
        <v>71</v>
      </c>
      <c r="AK4" s="75"/>
      <c r="AL4" s="75"/>
      <c r="AM4" s="75"/>
      <c r="AN4" s="75"/>
      <c r="AO4" s="75"/>
      <c r="AP4" s="75"/>
      <c r="AQ4" s="75"/>
      <c r="AR4" s="75"/>
      <c r="AS4" s="75"/>
      <c r="AT4" s="75"/>
      <c r="AU4" s="75" t="s">
        <v>72</v>
      </c>
      <c r="AV4" s="75"/>
      <c r="AW4" s="75"/>
      <c r="AX4" s="75"/>
      <c r="AY4" s="75"/>
      <c r="AZ4" s="75"/>
      <c r="BA4" s="75"/>
      <c r="BB4" s="75"/>
      <c r="BC4" s="75"/>
      <c r="BD4" s="75"/>
      <c r="BE4" s="75"/>
      <c r="BF4" s="75" t="s">
        <v>73</v>
      </c>
      <c r="BG4" s="75"/>
      <c r="BH4" s="75"/>
      <c r="BI4" s="75"/>
      <c r="BJ4" s="75"/>
      <c r="BK4" s="75"/>
      <c r="BL4" s="75"/>
      <c r="BM4" s="75"/>
      <c r="BN4" s="75"/>
      <c r="BO4" s="75"/>
      <c r="BP4" s="75"/>
      <c r="BQ4" s="75" t="s">
        <v>74</v>
      </c>
      <c r="BR4" s="75"/>
      <c r="BS4" s="75"/>
      <c r="BT4" s="75"/>
      <c r="BU4" s="75"/>
      <c r="BV4" s="75"/>
      <c r="BW4" s="75"/>
      <c r="BX4" s="75"/>
      <c r="BY4" s="75"/>
      <c r="BZ4" s="75"/>
      <c r="CA4" s="75"/>
      <c r="CB4" s="75" t="s">
        <v>75</v>
      </c>
      <c r="CC4" s="75"/>
      <c r="CD4" s="75"/>
      <c r="CE4" s="75"/>
      <c r="CF4" s="75"/>
      <c r="CG4" s="75"/>
      <c r="CH4" s="75"/>
      <c r="CI4" s="75"/>
      <c r="CJ4" s="75"/>
      <c r="CK4" s="75"/>
      <c r="CL4" s="75"/>
      <c r="CM4" s="75" t="s">
        <v>76</v>
      </c>
      <c r="CN4" s="75"/>
      <c r="CO4" s="75"/>
      <c r="CP4" s="75"/>
      <c r="CQ4" s="75"/>
      <c r="CR4" s="75"/>
      <c r="CS4" s="75"/>
      <c r="CT4" s="75"/>
      <c r="CU4" s="75"/>
      <c r="CV4" s="75"/>
      <c r="CW4" s="75"/>
      <c r="CX4" s="75" t="s">
        <v>77</v>
      </c>
      <c r="CY4" s="75"/>
      <c r="CZ4" s="75"/>
      <c r="DA4" s="75"/>
      <c r="DB4" s="75"/>
      <c r="DC4" s="75"/>
      <c r="DD4" s="75"/>
      <c r="DE4" s="75"/>
      <c r="DF4" s="75"/>
      <c r="DG4" s="75"/>
      <c r="DH4" s="75"/>
      <c r="DI4" s="75" t="s">
        <v>78</v>
      </c>
      <c r="DJ4" s="75"/>
      <c r="DK4" s="75"/>
      <c r="DL4" s="75"/>
      <c r="DM4" s="75"/>
      <c r="DN4" s="75"/>
      <c r="DO4" s="75"/>
      <c r="DP4" s="75"/>
      <c r="DQ4" s="75"/>
      <c r="DR4" s="75"/>
      <c r="DS4" s="75"/>
      <c r="DT4" s="75" t="s">
        <v>79</v>
      </c>
      <c r="DU4" s="75"/>
      <c r="DV4" s="75"/>
      <c r="DW4" s="75"/>
      <c r="DX4" s="75"/>
      <c r="DY4" s="75"/>
      <c r="DZ4" s="75"/>
      <c r="EA4" s="75"/>
      <c r="EB4" s="75"/>
      <c r="EC4" s="75"/>
      <c r="ED4" s="75"/>
      <c r="EE4" s="75" t="s">
        <v>80</v>
      </c>
      <c r="EF4" s="75"/>
      <c r="EG4" s="75"/>
      <c r="EH4" s="75"/>
      <c r="EI4" s="75"/>
      <c r="EJ4" s="75"/>
      <c r="EK4" s="75"/>
      <c r="EL4" s="75"/>
      <c r="EM4" s="75"/>
      <c r="EN4" s="75"/>
      <c r="EO4" s="75"/>
    </row>
    <row r="5" spans="1:145" x14ac:dyDescent="0.15">
      <c r="A5" s="27" t="s">
        <v>81</v>
      </c>
      <c r="B5" s="30"/>
      <c r="C5" s="30"/>
      <c r="D5" s="30"/>
      <c r="E5" s="30"/>
      <c r="F5" s="30"/>
      <c r="G5" s="30"/>
      <c r="H5" s="31" t="s">
        <v>82</v>
      </c>
      <c r="I5" s="31" t="s">
        <v>83</v>
      </c>
      <c r="J5" s="31" t="s">
        <v>84</v>
      </c>
      <c r="K5" s="31" t="s">
        <v>85</v>
      </c>
      <c r="L5" s="31" t="s">
        <v>86</v>
      </c>
      <c r="M5" s="31" t="s">
        <v>5</v>
      </c>
      <c r="N5" s="31" t="s">
        <v>87</v>
      </c>
      <c r="O5" s="31" t="s">
        <v>88</v>
      </c>
      <c r="P5" s="31" t="s">
        <v>89</v>
      </c>
      <c r="Q5" s="31" t="s">
        <v>90</v>
      </c>
      <c r="R5" s="31" t="s">
        <v>91</v>
      </c>
      <c r="S5" s="31" t="s">
        <v>92</v>
      </c>
      <c r="T5" s="31" t="s">
        <v>93</v>
      </c>
      <c r="U5" s="31" t="s">
        <v>94</v>
      </c>
      <c r="V5" s="31" t="s">
        <v>95</v>
      </c>
      <c r="W5" s="31" t="s">
        <v>96</v>
      </c>
      <c r="X5" s="31" t="s">
        <v>97</v>
      </c>
      <c r="Y5" s="31" t="s">
        <v>98</v>
      </c>
      <c r="Z5" s="31" t="s">
        <v>99</v>
      </c>
      <c r="AA5" s="31" t="s">
        <v>100</v>
      </c>
      <c r="AB5" s="31" t="s">
        <v>101</v>
      </c>
      <c r="AC5" s="31" t="s">
        <v>102</v>
      </c>
      <c r="AD5" s="31" t="s">
        <v>103</v>
      </c>
      <c r="AE5" s="31" t="s">
        <v>104</v>
      </c>
      <c r="AF5" s="31" t="s">
        <v>105</v>
      </c>
      <c r="AG5" s="31" t="s">
        <v>106</v>
      </c>
      <c r="AH5" s="31" t="s">
        <v>107</v>
      </c>
      <c r="AI5" s="31" t="s">
        <v>43</v>
      </c>
      <c r="AJ5" s="31" t="s">
        <v>98</v>
      </c>
      <c r="AK5" s="31" t="s">
        <v>99</v>
      </c>
      <c r="AL5" s="31" t="s">
        <v>100</v>
      </c>
      <c r="AM5" s="31" t="s">
        <v>101</v>
      </c>
      <c r="AN5" s="31" t="s">
        <v>102</v>
      </c>
      <c r="AO5" s="31" t="s">
        <v>103</v>
      </c>
      <c r="AP5" s="31" t="s">
        <v>104</v>
      </c>
      <c r="AQ5" s="31" t="s">
        <v>105</v>
      </c>
      <c r="AR5" s="31" t="s">
        <v>106</v>
      </c>
      <c r="AS5" s="31" t="s">
        <v>107</v>
      </c>
      <c r="AT5" s="31" t="s">
        <v>108</v>
      </c>
      <c r="AU5" s="31" t="s">
        <v>98</v>
      </c>
      <c r="AV5" s="31" t="s">
        <v>99</v>
      </c>
      <c r="AW5" s="31" t="s">
        <v>100</v>
      </c>
      <c r="AX5" s="31" t="s">
        <v>101</v>
      </c>
      <c r="AY5" s="31" t="s">
        <v>102</v>
      </c>
      <c r="AZ5" s="31" t="s">
        <v>103</v>
      </c>
      <c r="BA5" s="31" t="s">
        <v>104</v>
      </c>
      <c r="BB5" s="31" t="s">
        <v>105</v>
      </c>
      <c r="BC5" s="31" t="s">
        <v>106</v>
      </c>
      <c r="BD5" s="31" t="s">
        <v>107</v>
      </c>
      <c r="BE5" s="31" t="s">
        <v>108</v>
      </c>
      <c r="BF5" s="31" t="s">
        <v>98</v>
      </c>
      <c r="BG5" s="31" t="s">
        <v>99</v>
      </c>
      <c r="BH5" s="31" t="s">
        <v>100</v>
      </c>
      <c r="BI5" s="31" t="s">
        <v>101</v>
      </c>
      <c r="BJ5" s="31" t="s">
        <v>102</v>
      </c>
      <c r="BK5" s="31" t="s">
        <v>103</v>
      </c>
      <c r="BL5" s="31" t="s">
        <v>104</v>
      </c>
      <c r="BM5" s="31" t="s">
        <v>105</v>
      </c>
      <c r="BN5" s="31" t="s">
        <v>106</v>
      </c>
      <c r="BO5" s="31" t="s">
        <v>107</v>
      </c>
      <c r="BP5" s="31" t="s">
        <v>108</v>
      </c>
      <c r="BQ5" s="31" t="s">
        <v>98</v>
      </c>
      <c r="BR5" s="31" t="s">
        <v>99</v>
      </c>
      <c r="BS5" s="31" t="s">
        <v>100</v>
      </c>
      <c r="BT5" s="31" t="s">
        <v>101</v>
      </c>
      <c r="BU5" s="31" t="s">
        <v>102</v>
      </c>
      <c r="BV5" s="31" t="s">
        <v>103</v>
      </c>
      <c r="BW5" s="31" t="s">
        <v>104</v>
      </c>
      <c r="BX5" s="31" t="s">
        <v>105</v>
      </c>
      <c r="BY5" s="31" t="s">
        <v>106</v>
      </c>
      <c r="BZ5" s="31" t="s">
        <v>107</v>
      </c>
      <c r="CA5" s="31" t="s">
        <v>108</v>
      </c>
      <c r="CB5" s="31" t="s">
        <v>98</v>
      </c>
      <c r="CC5" s="31" t="s">
        <v>99</v>
      </c>
      <c r="CD5" s="31" t="s">
        <v>100</v>
      </c>
      <c r="CE5" s="31" t="s">
        <v>101</v>
      </c>
      <c r="CF5" s="31" t="s">
        <v>102</v>
      </c>
      <c r="CG5" s="31" t="s">
        <v>103</v>
      </c>
      <c r="CH5" s="31" t="s">
        <v>104</v>
      </c>
      <c r="CI5" s="31" t="s">
        <v>105</v>
      </c>
      <c r="CJ5" s="31" t="s">
        <v>106</v>
      </c>
      <c r="CK5" s="31" t="s">
        <v>107</v>
      </c>
      <c r="CL5" s="31" t="s">
        <v>108</v>
      </c>
      <c r="CM5" s="31" t="s">
        <v>98</v>
      </c>
      <c r="CN5" s="31" t="s">
        <v>99</v>
      </c>
      <c r="CO5" s="31" t="s">
        <v>100</v>
      </c>
      <c r="CP5" s="31" t="s">
        <v>101</v>
      </c>
      <c r="CQ5" s="31" t="s">
        <v>102</v>
      </c>
      <c r="CR5" s="31" t="s">
        <v>103</v>
      </c>
      <c r="CS5" s="31" t="s">
        <v>104</v>
      </c>
      <c r="CT5" s="31" t="s">
        <v>105</v>
      </c>
      <c r="CU5" s="31" t="s">
        <v>106</v>
      </c>
      <c r="CV5" s="31" t="s">
        <v>107</v>
      </c>
      <c r="CW5" s="31" t="s">
        <v>108</v>
      </c>
      <c r="CX5" s="31" t="s">
        <v>98</v>
      </c>
      <c r="CY5" s="31" t="s">
        <v>99</v>
      </c>
      <c r="CZ5" s="31" t="s">
        <v>100</v>
      </c>
      <c r="DA5" s="31" t="s">
        <v>101</v>
      </c>
      <c r="DB5" s="31" t="s">
        <v>102</v>
      </c>
      <c r="DC5" s="31" t="s">
        <v>103</v>
      </c>
      <c r="DD5" s="31" t="s">
        <v>104</v>
      </c>
      <c r="DE5" s="31" t="s">
        <v>105</v>
      </c>
      <c r="DF5" s="31" t="s">
        <v>106</v>
      </c>
      <c r="DG5" s="31" t="s">
        <v>107</v>
      </c>
      <c r="DH5" s="31" t="s">
        <v>108</v>
      </c>
      <c r="DI5" s="31" t="s">
        <v>98</v>
      </c>
      <c r="DJ5" s="31" t="s">
        <v>99</v>
      </c>
      <c r="DK5" s="31" t="s">
        <v>100</v>
      </c>
      <c r="DL5" s="31" t="s">
        <v>101</v>
      </c>
      <c r="DM5" s="31" t="s">
        <v>102</v>
      </c>
      <c r="DN5" s="31" t="s">
        <v>103</v>
      </c>
      <c r="DO5" s="31" t="s">
        <v>104</v>
      </c>
      <c r="DP5" s="31" t="s">
        <v>105</v>
      </c>
      <c r="DQ5" s="31" t="s">
        <v>106</v>
      </c>
      <c r="DR5" s="31" t="s">
        <v>107</v>
      </c>
      <c r="DS5" s="31" t="s">
        <v>108</v>
      </c>
      <c r="DT5" s="31" t="s">
        <v>98</v>
      </c>
      <c r="DU5" s="31" t="s">
        <v>99</v>
      </c>
      <c r="DV5" s="31" t="s">
        <v>100</v>
      </c>
      <c r="DW5" s="31" t="s">
        <v>101</v>
      </c>
      <c r="DX5" s="31" t="s">
        <v>102</v>
      </c>
      <c r="DY5" s="31" t="s">
        <v>103</v>
      </c>
      <c r="DZ5" s="31" t="s">
        <v>104</v>
      </c>
      <c r="EA5" s="31" t="s">
        <v>105</v>
      </c>
      <c r="EB5" s="31" t="s">
        <v>106</v>
      </c>
      <c r="EC5" s="31" t="s">
        <v>107</v>
      </c>
      <c r="ED5" s="31" t="s">
        <v>108</v>
      </c>
      <c r="EE5" s="31" t="s">
        <v>98</v>
      </c>
      <c r="EF5" s="31" t="s">
        <v>99</v>
      </c>
      <c r="EG5" s="31" t="s">
        <v>100</v>
      </c>
      <c r="EH5" s="31" t="s">
        <v>101</v>
      </c>
      <c r="EI5" s="31" t="s">
        <v>102</v>
      </c>
      <c r="EJ5" s="31" t="s">
        <v>103</v>
      </c>
      <c r="EK5" s="31" t="s">
        <v>104</v>
      </c>
      <c r="EL5" s="31" t="s">
        <v>105</v>
      </c>
      <c r="EM5" s="31" t="s">
        <v>106</v>
      </c>
      <c r="EN5" s="31" t="s">
        <v>107</v>
      </c>
      <c r="EO5" s="31" t="s">
        <v>108</v>
      </c>
    </row>
    <row r="6" spans="1:145" s="35" customFormat="1" x14ac:dyDescent="0.15">
      <c r="A6" s="27" t="s">
        <v>109</v>
      </c>
      <c r="B6" s="32">
        <f>B7</f>
        <v>2017</v>
      </c>
      <c r="C6" s="32">
        <f t="shared" ref="C6:X6" si="3">C7</f>
        <v>112402</v>
      </c>
      <c r="D6" s="32">
        <f t="shared" si="3"/>
        <v>47</v>
      </c>
      <c r="E6" s="32">
        <f t="shared" si="3"/>
        <v>17</v>
      </c>
      <c r="F6" s="32">
        <f t="shared" si="3"/>
        <v>1</v>
      </c>
      <c r="G6" s="32">
        <f t="shared" si="3"/>
        <v>0</v>
      </c>
      <c r="H6" s="32" t="str">
        <f t="shared" si="3"/>
        <v>埼玉県　幸手市</v>
      </c>
      <c r="I6" s="32" t="str">
        <f t="shared" si="3"/>
        <v>法非適用</v>
      </c>
      <c r="J6" s="32" t="str">
        <f t="shared" si="3"/>
        <v>下水道事業</v>
      </c>
      <c r="K6" s="32" t="str">
        <f t="shared" si="3"/>
        <v>公共下水道</v>
      </c>
      <c r="L6" s="32" t="str">
        <f t="shared" si="3"/>
        <v>Cb2</v>
      </c>
      <c r="M6" s="32" t="str">
        <f t="shared" si="3"/>
        <v>非設置</v>
      </c>
      <c r="N6" s="33" t="str">
        <f t="shared" si="3"/>
        <v>-</v>
      </c>
      <c r="O6" s="33" t="str">
        <f t="shared" si="3"/>
        <v>該当数値なし</v>
      </c>
      <c r="P6" s="33">
        <f t="shared" si="3"/>
        <v>45.81</v>
      </c>
      <c r="Q6" s="33">
        <f t="shared" si="3"/>
        <v>72.63</v>
      </c>
      <c r="R6" s="33">
        <f t="shared" si="3"/>
        <v>1566</v>
      </c>
      <c r="S6" s="33">
        <f t="shared" si="3"/>
        <v>51939</v>
      </c>
      <c r="T6" s="33">
        <f t="shared" si="3"/>
        <v>33.93</v>
      </c>
      <c r="U6" s="33">
        <f t="shared" si="3"/>
        <v>1530.77</v>
      </c>
      <c r="V6" s="33">
        <f t="shared" si="3"/>
        <v>23699</v>
      </c>
      <c r="W6" s="33">
        <f t="shared" si="3"/>
        <v>3.8</v>
      </c>
      <c r="X6" s="33">
        <f t="shared" si="3"/>
        <v>6236.58</v>
      </c>
      <c r="Y6" s="34">
        <f>IF(Y7="",NA(),Y7)</f>
        <v>68.39</v>
      </c>
      <c r="Z6" s="34">
        <f t="shared" ref="Z6:AH6" si="4">IF(Z7="",NA(),Z7)</f>
        <v>67.38</v>
      </c>
      <c r="AA6" s="34">
        <f t="shared" si="4"/>
        <v>70.819999999999993</v>
      </c>
      <c r="AB6" s="34">
        <f t="shared" si="4"/>
        <v>72.81</v>
      </c>
      <c r="AC6" s="34">
        <f t="shared" si="4"/>
        <v>70.81</v>
      </c>
      <c r="AD6" s="33" t="e">
        <f t="shared" si="4"/>
        <v>#N/A</v>
      </c>
      <c r="AE6" s="33" t="e">
        <f t="shared" si="4"/>
        <v>#N/A</v>
      </c>
      <c r="AF6" s="33" t="e">
        <f t="shared" si="4"/>
        <v>#N/A</v>
      </c>
      <c r="AG6" s="33" t="e">
        <f t="shared" si="4"/>
        <v>#N/A</v>
      </c>
      <c r="AH6" s="33" t="e">
        <f t="shared" si="4"/>
        <v>#N/A</v>
      </c>
      <c r="AI6" s="33" t="str">
        <f>IF(AI7="","",IF(AI7="-","【-】","【"&amp;SUBSTITUTE(TEXT(AI7,"#,##0.00"),"-","△")&amp;"】"))</f>
        <v/>
      </c>
      <c r="AJ6" s="33" t="e">
        <f>IF(AJ7="",NA(),AJ7)</f>
        <v>#N/A</v>
      </c>
      <c r="AK6" s="33" t="e">
        <f t="shared" ref="AK6:AS6" si="5">IF(AK7="",NA(),AK7)</f>
        <v>#N/A</v>
      </c>
      <c r="AL6" s="33" t="e">
        <f t="shared" si="5"/>
        <v>#N/A</v>
      </c>
      <c r="AM6" s="33" t="e">
        <f t="shared" si="5"/>
        <v>#N/A</v>
      </c>
      <c r="AN6" s="33" t="e">
        <f t="shared" si="5"/>
        <v>#N/A</v>
      </c>
      <c r="AO6" s="33" t="e">
        <f t="shared" si="5"/>
        <v>#N/A</v>
      </c>
      <c r="AP6" s="33" t="e">
        <f t="shared" si="5"/>
        <v>#N/A</v>
      </c>
      <c r="AQ6" s="33" t="e">
        <f t="shared" si="5"/>
        <v>#N/A</v>
      </c>
      <c r="AR6" s="33" t="e">
        <f t="shared" si="5"/>
        <v>#N/A</v>
      </c>
      <c r="AS6" s="33" t="e">
        <f t="shared" si="5"/>
        <v>#N/A</v>
      </c>
      <c r="AT6" s="33" t="str">
        <f>IF(AT7="","",IF(AT7="-","【-】","【"&amp;SUBSTITUTE(TEXT(AT7,"#,##0.00"),"-","△")&amp;"】"))</f>
        <v/>
      </c>
      <c r="AU6" s="33" t="e">
        <f>IF(AU7="",NA(),AU7)</f>
        <v>#N/A</v>
      </c>
      <c r="AV6" s="33" t="e">
        <f t="shared" ref="AV6:BD6" si="6">IF(AV7="",NA(),AV7)</f>
        <v>#N/A</v>
      </c>
      <c r="AW6" s="33" t="e">
        <f t="shared" si="6"/>
        <v>#N/A</v>
      </c>
      <c r="AX6" s="33" t="e">
        <f t="shared" si="6"/>
        <v>#N/A</v>
      </c>
      <c r="AY6" s="33" t="e">
        <f t="shared" si="6"/>
        <v>#N/A</v>
      </c>
      <c r="AZ6" s="33" t="e">
        <f t="shared" si="6"/>
        <v>#N/A</v>
      </c>
      <c r="BA6" s="33" t="e">
        <f t="shared" si="6"/>
        <v>#N/A</v>
      </c>
      <c r="BB6" s="33" t="e">
        <f t="shared" si="6"/>
        <v>#N/A</v>
      </c>
      <c r="BC6" s="33" t="e">
        <f t="shared" si="6"/>
        <v>#N/A</v>
      </c>
      <c r="BD6" s="33" t="e">
        <f t="shared" si="6"/>
        <v>#N/A</v>
      </c>
      <c r="BE6" s="33" t="str">
        <f>IF(BE7="","",IF(BE7="-","【-】","【"&amp;SUBSTITUTE(TEXT(BE7,"#,##0.00"),"-","△")&amp;"】"))</f>
        <v/>
      </c>
      <c r="BF6" s="34">
        <f>IF(BF7="",NA(),BF7)</f>
        <v>1898.71</v>
      </c>
      <c r="BG6" s="34">
        <f t="shared" ref="BG6:BO6" si="7">IF(BG7="",NA(),BG7)</f>
        <v>1944.36</v>
      </c>
      <c r="BH6" s="34">
        <f t="shared" si="7"/>
        <v>2031.81</v>
      </c>
      <c r="BI6" s="34">
        <f t="shared" si="7"/>
        <v>2009.06</v>
      </c>
      <c r="BJ6" s="34">
        <f t="shared" si="7"/>
        <v>1990.18</v>
      </c>
      <c r="BK6" s="34">
        <f t="shared" si="7"/>
        <v>746.17</v>
      </c>
      <c r="BL6" s="34">
        <f t="shared" si="7"/>
        <v>1124.8399999999999</v>
      </c>
      <c r="BM6" s="34">
        <f t="shared" si="7"/>
        <v>1018.27</v>
      </c>
      <c r="BN6" s="34">
        <f t="shared" si="7"/>
        <v>1120.55</v>
      </c>
      <c r="BO6" s="34">
        <f t="shared" si="7"/>
        <v>855.79</v>
      </c>
      <c r="BP6" s="33" t="str">
        <f>IF(BP7="","",IF(BP7="-","【-】","【"&amp;SUBSTITUTE(TEXT(BP7,"#,##0.00"),"-","△")&amp;"】"))</f>
        <v>【707.33】</v>
      </c>
      <c r="BQ6" s="34">
        <f>IF(BQ7="",NA(),BQ7)</f>
        <v>56.78</v>
      </c>
      <c r="BR6" s="34">
        <f t="shared" ref="BR6:BZ6" si="8">IF(BR7="",NA(),BR7)</f>
        <v>57.92</v>
      </c>
      <c r="BS6" s="34">
        <f t="shared" si="8"/>
        <v>57.93</v>
      </c>
      <c r="BT6" s="34">
        <f t="shared" si="8"/>
        <v>58.17</v>
      </c>
      <c r="BU6" s="34">
        <f t="shared" si="8"/>
        <v>58.14</v>
      </c>
      <c r="BV6" s="34">
        <f t="shared" si="8"/>
        <v>71.930000000000007</v>
      </c>
      <c r="BW6" s="34">
        <f t="shared" si="8"/>
        <v>64.12</v>
      </c>
      <c r="BX6" s="34">
        <f t="shared" si="8"/>
        <v>71.569999999999993</v>
      </c>
      <c r="BY6" s="34">
        <f t="shared" si="8"/>
        <v>73.28</v>
      </c>
      <c r="BZ6" s="34">
        <f t="shared" si="8"/>
        <v>82.82</v>
      </c>
      <c r="CA6" s="33" t="str">
        <f>IF(CA7="","",IF(CA7="-","【-】","【"&amp;SUBSTITUTE(TEXT(CA7,"#,##0.00"),"-","△")&amp;"】"))</f>
        <v>【101.26】</v>
      </c>
      <c r="CB6" s="34">
        <f>IF(CB7="",NA(),CB7)</f>
        <v>150</v>
      </c>
      <c r="CC6" s="34">
        <f t="shared" ref="CC6:CK6" si="9">IF(CC7="",NA(),CC7)</f>
        <v>150</v>
      </c>
      <c r="CD6" s="34">
        <f t="shared" si="9"/>
        <v>150</v>
      </c>
      <c r="CE6" s="34">
        <f t="shared" si="9"/>
        <v>150</v>
      </c>
      <c r="CF6" s="34">
        <f t="shared" si="9"/>
        <v>150</v>
      </c>
      <c r="CG6" s="34">
        <f t="shared" si="9"/>
        <v>149.57</v>
      </c>
      <c r="CH6" s="34">
        <f t="shared" si="9"/>
        <v>168.44</v>
      </c>
      <c r="CI6" s="34">
        <f t="shared" si="9"/>
        <v>195.88</v>
      </c>
      <c r="CJ6" s="34">
        <f t="shared" si="9"/>
        <v>193.1</v>
      </c>
      <c r="CK6" s="34">
        <f t="shared" si="9"/>
        <v>165.76</v>
      </c>
      <c r="CL6" s="33" t="str">
        <f>IF(CL7="","",IF(CL7="-","【-】","【"&amp;SUBSTITUTE(TEXT(CL7,"#,##0.00"),"-","△")&amp;"】"))</f>
        <v>【136.39】</v>
      </c>
      <c r="CM6" s="34" t="str">
        <f>IF(CM7="",NA(),CM7)</f>
        <v>-</v>
      </c>
      <c r="CN6" s="34" t="str">
        <f t="shared" ref="CN6:CV6" si="10">IF(CN7="",NA(),CN7)</f>
        <v>-</v>
      </c>
      <c r="CO6" s="34" t="str">
        <f t="shared" si="10"/>
        <v>-</v>
      </c>
      <c r="CP6" s="34" t="str">
        <f t="shared" si="10"/>
        <v>-</v>
      </c>
      <c r="CQ6" s="34" t="str">
        <f t="shared" si="10"/>
        <v>-</v>
      </c>
      <c r="CR6" s="34">
        <f t="shared" si="10"/>
        <v>19.95</v>
      </c>
      <c r="CS6" s="34" t="str">
        <f t="shared" si="10"/>
        <v>-</v>
      </c>
      <c r="CT6" s="34">
        <f t="shared" si="10"/>
        <v>49.75</v>
      </c>
      <c r="CU6" s="34">
        <f t="shared" si="10"/>
        <v>51.05</v>
      </c>
      <c r="CV6" s="34">
        <f t="shared" si="10"/>
        <v>50.12</v>
      </c>
      <c r="CW6" s="33" t="str">
        <f>IF(CW7="","",IF(CW7="-","【-】","【"&amp;SUBSTITUTE(TEXT(CW7,"#,##0.00"),"-","△")&amp;"】"))</f>
        <v>【60.13】</v>
      </c>
      <c r="CX6" s="34">
        <f>IF(CX7="",NA(),CX7)</f>
        <v>84.31</v>
      </c>
      <c r="CY6" s="34">
        <f t="shared" ref="CY6:DG6" si="11">IF(CY7="",NA(),CY7)</f>
        <v>84.7</v>
      </c>
      <c r="CZ6" s="34">
        <f t="shared" si="11"/>
        <v>84.48</v>
      </c>
      <c r="DA6" s="34">
        <f t="shared" si="11"/>
        <v>84</v>
      </c>
      <c r="DB6" s="34">
        <f t="shared" si="11"/>
        <v>82.92</v>
      </c>
      <c r="DC6" s="34">
        <f t="shared" si="11"/>
        <v>91.99</v>
      </c>
      <c r="DD6" s="34">
        <f t="shared" si="11"/>
        <v>89.59</v>
      </c>
      <c r="DE6" s="34">
        <f t="shared" si="11"/>
        <v>87.85</v>
      </c>
      <c r="DF6" s="34">
        <f t="shared" si="11"/>
        <v>87.52</v>
      </c>
      <c r="DG6" s="34">
        <f t="shared" si="11"/>
        <v>86.63</v>
      </c>
      <c r="DH6" s="33" t="str">
        <f>IF(DH7="","",IF(DH7="-","【-】","【"&amp;SUBSTITUTE(TEXT(DH7,"#,##0.00"),"-","△")&amp;"】"))</f>
        <v>【95.06】</v>
      </c>
      <c r="DI6" s="33" t="e">
        <f>IF(DI7="",NA(),DI7)</f>
        <v>#N/A</v>
      </c>
      <c r="DJ6" s="33" t="e">
        <f t="shared" ref="DJ6:DR6" si="12">IF(DJ7="",NA(),DJ7)</f>
        <v>#N/A</v>
      </c>
      <c r="DK6" s="33" t="e">
        <f t="shared" si="12"/>
        <v>#N/A</v>
      </c>
      <c r="DL6" s="33" t="e">
        <f t="shared" si="12"/>
        <v>#N/A</v>
      </c>
      <c r="DM6" s="33" t="e">
        <f t="shared" si="12"/>
        <v>#N/A</v>
      </c>
      <c r="DN6" s="33" t="e">
        <f t="shared" si="12"/>
        <v>#N/A</v>
      </c>
      <c r="DO6" s="33" t="e">
        <f t="shared" si="12"/>
        <v>#N/A</v>
      </c>
      <c r="DP6" s="33" t="e">
        <f t="shared" si="12"/>
        <v>#N/A</v>
      </c>
      <c r="DQ6" s="33" t="e">
        <f t="shared" si="12"/>
        <v>#N/A</v>
      </c>
      <c r="DR6" s="33" t="e">
        <f t="shared" si="12"/>
        <v>#N/A</v>
      </c>
      <c r="DS6" s="33" t="str">
        <f>IF(DS7="","",IF(DS7="-","【-】","【"&amp;SUBSTITUTE(TEXT(DS7,"#,##0.00"),"-","△")&amp;"】"))</f>
        <v/>
      </c>
      <c r="DT6" s="33" t="e">
        <f>IF(DT7="",NA(),DT7)</f>
        <v>#N/A</v>
      </c>
      <c r="DU6" s="33" t="e">
        <f t="shared" ref="DU6:EC6" si="13">IF(DU7="",NA(),DU7)</f>
        <v>#N/A</v>
      </c>
      <c r="DV6" s="33" t="e">
        <f t="shared" si="13"/>
        <v>#N/A</v>
      </c>
      <c r="DW6" s="33" t="e">
        <f t="shared" si="13"/>
        <v>#N/A</v>
      </c>
      <c r="DX6" s="33" t="e">
        <f t="shared" si="13"/>
        <v>#N/A</v>
      </c>
      <c r="DY6" s="33" t="e">
        <f t="shared" si="13"/>
        <v>#N/A</v>
      </c>
      <c r="DZ6" s="33" t="e">
        <f t="shared" si="13"/>
        <v>#N/A</v>
      </c>
      <c r="EA6" s="33" t="e">
        <f t="shared" si="13"/>
        <v>#N/A</v>
      </c>
      <c r="EB6" s="33" t="e">
        <f t="shared" si="13"/>
        <v>#N/A</v>
      </c>
      <c r="EC6" s="33" t="e">
        <f t="shared" si="13"/>
        <v>#N/A</v>
      </c>
      <c r="ED6" s="33" t="str">
        <f>IF(ED7="","",IF(ED7="-","【-】","【"&amp;SUBSTITUTE(TEXT(ED7,"#,##0.00"),"-","△")&amp;"】"))</f>
        <v/>
      </c>
      <c r="EE6" s="33">
        <f>IF(EE7="",NA(),EE7)</f>
        <v>0</v>
      </c>
      <c r="EF6" s="33">
        <f t="shared" ref="EF6:EN6" si="14">IF(EF7="",NA(),EF7)</f>
        <v>0</v>
      </c>
      <c r="EG6" s="33">
        <f t="shared" si="14"/>
        <v>0</v>
      </c>
      <c r="EH6" s="33">
        <f t="shared" si="14"/>
        <v>0</v>
      </c>
      <c r="EI6" s="33">
        <f t="shared" si="14"/>
        <v>0</v>
      </c>
      <c r="EJ6" s="34">
        <f t="shared" si="14"/>
        <v>0.22</v>
      </c>
      <c r="EK6" s="33">
        <f t="shared" si="14"/>
        <v>0</v>
      </c>
      <c r="EL6" s="34">
        <f t="shared" si="14"/>
        <v>0.16</v>
      </c>
      <c r="EM6" s="34">
        <f t="shared" si="14"/>
        <v>0.19</v>
      </c>
      <c r="EN6" s="34">
        <f t="shared" si="14"/>
        <v>0.16</v>
      </c>
      <c r="EO6" s="33" t="str">
        <f>IF(EO7="","",IF(EO7="-","【-】","【"&amp;SUBSTITUTE(TEXT(EO7,"#,##0.00"),"-","△")&amp;"】"))</f>
        <v>【0.23】</v>
      </c>
    </row>
    <row r="7" spans="1:145" s="35" customFormat="1" x14ac:dyDescent="0.15">
      <c r="A7" s="27"/>
      <c r="B7" s="36">
        <v>2017</v>
      </c>
      <c r="C7" s="36">
        <v>112402</v>
      </c>
      <c r="D7" s="36">
        <v>47</v>
      </c>
      <c r="E7" s="36">
        <v>17</v>
      </c>
      <c r="F7" s="36">
        <v>1</v>
      </c>
      <c r="G7" s="36">
        <v>0</v>
      </c>
      <c r="H7" s="36" t="s">
        <v>110</v>
      </c>
      <c r="I7" s="36" t="s">
        <v>111</v>
      </c>
      <c r="J7" s="36" t="s">
        <v>112</v>
      </c>
      <c r="K7" s="36" t="s">
        <v>113</v>
      </c>
      <c r="L7" s="36" t="s">
        <v>114</v>
      </c>
      <c r="M7" s="36" t="s">
        <v>115</v>
      </c>
      <c r="N7" s="37" t="s">
        <v>116</v>
      </c>
      <c r="O7" s="37" t="s">
        <v>117</v>
      </c>
      <c r="P7" s="37">
        <v>45.81</v>
      </c>
      <c r="Q7" s="37">
        <v>72.63</v>
      </c>
      <c r="R7" s="37">
        <v>1566</v>
      </c>
      <c r="S7" s="37">
        <v>51939</v>
      </c>
      <c r="T7" s="37">
        <v>33.93</v>
      </c>
      <c r="U7" s="37">
        <v>1530.77</v>
      </c>
      <c r="V7" s="37">
        <v>23699</v>
      </c>
      <c r="W7" s="37">
        <v>3.8</v>
      </c>
      <c r="X7" s="37">
        <v>6236.58</v>
      </c>
      <c r="Y7" s="37">
        <v>68.39</v>
      </c>
      <c r="Z7" s="37">
        <v>67.38</v>
      </c>
      <c r="AA7" s="37">
        <v>70.819999999999993</v>
      </c>
      <c r="AB7" s="37">
        <v>72.81</v>
      </c>
      <c r="AC7" s="37">
        <v>70.81</v>
      </c>
      <c r="AD7" s="37"/>
      <c r="AE7" s="37"/>
      <c r="AF7" s="37"/>
      <c r="AG7" s="37"/>
      <c r="AH7" s="37"/>
      <c r="AI7" s="37"/>
      <c r="AJ7" s="37"/>
      <c r="AK7" s="37"/>
      <c r="AL7" s="37"/>
      <c r="AM7" s="37"/>
      <c r="AN7" s="37"/>
      <c r="AO7" s="37"/>
      <c r="AP7" s="37"/>
      <c r="AQ7" s="37"/>
      <c r="AR7" s="37"/>
      <c r="AS7" s="37"/>
      <c r="AT7" s="37"/>
      <c r="AU7" s="37"/>
      <c r="AV7" s="37"/>
      <c r="AW7" s="37"/>
      <c r="AX7" s="37"/>
      <c r="AY7" s="37"/>
      <c r="AZ7" s="37"/>
      <c r="BA7" s="37"/>
      <c r="BB7" s="37"/>
      <c r="BC7" s="37"/>
      <c r="BD7" s="37"/>
      <c r="BE7" s="37"/>
      <c r="BF7" s="37">
        <v>1898.71</v>
      </c>
      <c r="BG7" s="37">
        <v>1944.36</v>
      </c>
      <c r="BH7" s="37">
        <v>2031.81</v>
      </c>
      <c r="BI7" s="37">
        <v>2009.06</v>
      </c>
      <c r="BJ7" s="37">
        <v>1990.18</v>
      </c>
      <c r="BK7" s="37">
        <v>746.17</v>
      </c>
      <c r="BL7" s="37">
        <v>1124.8399999999999</v>
      </c>
      <c r="BM7" s="37">
        <v>1018.27</v>
      </c>
      <c r="BN7" s="37">
        <v>1120.55</v>
      </c>
      <c r="BO7" s="37">
        <v>855.79</v>
      </c>
      <c r="BP7" s="37">
        <v>707.33</v>
      </c>
      <c r="BQ7" s="37">
        <v>56.78</v>
      </c>
      <c r="BR7" s="37">
        <v>57.92</v>
      </c>
      <c r="BS7" s="37">
        <v>57.93</v>
      </c>
      <c r="BT7" s="37">
        <v>58.17</v>
      </c>
      <c r="BU7" s="37">
        <v>58.14</v>
      </c>
      <c r="BV7" s="37">
        <v>71.930000000000007</v>
      </c>
      <c r="BW7" s="37">
        <v>64.12</v>
      </c>
      <c r="BX7" s="37">
        <v>71.569999999999993</v>
      </c>
      <c r="BY7" s="37">
        <v>73.28</v>
      </c>
      <c r="BZ7" s="37">
        <v>82.82</v>
      </c>
      <c r="CA7" s="37">
        <v>101.26</v>
      </c>
      <c r="CB7" s="37">
        <v>150</v>
      </c>
      <c r="CC7" s="37">
        <v>150</v>
      </c>
      <c r="CD7" s="37">
        <v>150</v>
      </c>
      <c r="CE7" s="37">
        <v>150</v>
      </c>
      <c r="CF7" s="37">
        <v>150</v>
      </c>
      <c r="CG7" s="37">
        <v>149.57</v>
      </c>
      <c r="CH7" s="37">
        <v>168.44</v>
      </c>
      <c r="CI7" s="37">
        <v>195.88</v>
      </c>
      <c r="CJ7" s="37">
        <v>193.1</v>
      </c>
      <c r="CK7" s="37">
        <v>165.76</v>
      </c>
      <c r="CL7" s="37">
        <v>136.38999999999999</v>
      </c>
      <c r="CM7" s="37" t="s">
        <v>116</v>
      </c>
      <c r="CN7" s="37" t="s">
        <v>116</v>
      </c>
      <c r="CO7" s="37" t="s">
        <v>116</v>
      </c>
      <c r="CP7" s="37" t="s">
        <v>116</v>
      </c>
      <c r="CQ7" s="37" t="s">
        <v>116</v>
      </c>
      <c r="CR7" s="37">
        <v>19.95</v>
      </c>
      <c r="CS7" s="37" t="s">
        <v>116</v>
      </c>
      <c r="CT7" s="37">
        <v>49.75</v>
      </c>
      <c r="CU7" s="37">
        <v>51.05</v>
      </c>
      <c r="CV7" s="37">
        <v>50.12</v>
      </c>
      <c r="CW7" s="37">
        <v>60.13</v>
      </c>
      <c r="CX7" s="37">
        <v>84.31</v>
      </c>
      <c r="CY7" s="37">
        <v>84.7</v>
      </c>
      <c r="CZ7" s="37">
        <v>84.48</v>
      </c>
      <c r="DA7" s="37">
        <v>84</v>
      </c>
      <c r="DB7" s="37">
        <v>82.92</v>
      </c>
      <c r="DC7" s="37">
        <v>91.99</v>
      </c>
      <c r="DD7" s="37">
        <v>89.59</v>
      </c>
      <c r="DE7" s="37">
        <v>87.85</v>
      </c>
      <c r="DF7" s="37">
        <v>87.52</v>
      </c>
      <c r="DG7" s="37">
        <v>86.63</v>
      </c>
      <c r="DH7" s="37">
        <v>95.06</v>
      </c>
      <c r="DI7" s="37"/>
      <c r="DJ7" s="37"/>
      <c r="DK7" s="37"/>
      <c r="DL7" s="37"/>
      <c r="DM7" s="37"/>
      <c r="DN7" s="37"/>
      <c r="DO7" s="37"/>
      <c r="DP7" s="37"/>
      <c r="DQ7" s="37"/>
      <c r="DR7" s="37"/>
      <c r="DS7" s="37"/>
      <c r="DT7" s="37"/>
      <c r="DU7" s="37"/>
      <c r="DV7" s="37"/>
      <c r="DW7" s="37"/>
      <c r="DX7" s="37"/>
      <c r="DY7" s="37"/>
      <c r="DZ7" s="37"/>
      <c r="EA7" s="37"/>
      <c r="EB7" s="37"/>
      <c r="EC7" s="37"/>
      <c r="ED7" s="37"/>
      <c r="EE7" s="37">
        <v>0</v>
      </c>
      <c r="EF7" s="37">
        <v>0</v>
      </c>
      <c r="EG7" s="37">
        <v>0</v>
      </c>
      <c r="EH7" s="37">
        <v>0</v>
      </c>
      <c r="EI7" s="37">
        <v>0</v>
      </c>
      <c r="EJ7" s="37">
        <v>0.22</v>
      </c>
      <c r="EK7" s="37">
        <v>0</v>
      </c>
      <c r="EL7" s="37">
        <v>0.16</v>
      </c>
      <c r="EM7" s="37">
        <v>0.19</v>
      </c>
      <c r="EN7" s="37">
        <v>0.16</v>
      </c>
      <c r="EO7" s="37">
        <v>0.23</v>
      </c>
    </row>
    <row r="8" spans="1:145" x14ac:dyDescent="0.15">
      <c r="Y8" s="38"/>
      <c r="Z8" s="38"/>
      <c r="AA8" s="38"/>
      <c r="AB8" s="38"/>
      <c r="AC8" s="38"/>
      <c r="AD8" s="38"/>
      <c r="AE8" s="38"/>
      <c r="AF8" s="38"/>
      <c r="AG8" s="38"/>
      <c r="AH8" s="38"/>
      <c r="AI8" s="38"/>
      <c r="AJ8" s="38"/>
      <c r="AK8" s="38"/>
      <c r="AL8" s="38"/>
      <c r="AM8" s="38"/>
      <c r="AN8" s="38"/>
      <c r="AO8" s="38"/>
      <c r="AP8" s="38"/>
      <c r="AQ8" s="38"/>
      <c r="AR8" s="38"/>
      <c r="AS8" s="38"/>
      <c r="AT8" s="38"/>
      <c r="AU8" s="38"/>
      <c r="AV8" s="38"/>
      <c r="AW8" s="38"/>
      <c r="AX8" s="38"/>
      <c r="AY8" s="38"/>
      <c r="AZ8" s="38"/>
      <c r="BA8" s="38"/>
      <c r="BB8" s="38"/>
      <c r="BC8" s="38"/>
      <c r="BD8" s="38"/>
      <c r="BE8" s="38"/>
      <c r="BF8" s="38"/>
      <c r="BG8" s="38"/>
      <c r="BH8" s="38"/>
      <c r="BI8" s="38"/>
      <c r="BJ8" s="38"/>
      <c r="BK8" s="38"/>
      <c r="BL8" s="38"/>
      <c r="BM8" s="38"/>
      <c r="BN8" s="38"/>
      <c r="BO8" s="38"/>
      <c r="BP8" s="38"/>
      <c r="BQ8" s="38"/>
      <c r="BR8" s="38"/>
      <c r="BS8" s="38"/>
      <c r="BT8" s="38"/>
      <c r="BU8" s="38"/>
      <c r="BV8" s="38"/>
      <c r="BW8" s="38"/>
      <c r="BX8" s="38"/>
      <c r="BY8" s="38"/>
      <c r="BZ8" s="38"/>
      <c r="CA8" s="38"/>
      <c r="CB8" s="38"/>
      <c r="CC8" s="38"/>
      <c r="CD8" s="38"/>
      <c r="CE8" s="38"/>
      <c r="CF8" s="38"/>
      <c r="CG8" s="38"/>
      <c r="CH8" s="38"/>
      <c r="CI8" s="38"/>
      <c r="CJ8" s="38"/>
      <c r="CK8" s="38"/>
      <c r="CL8" s="38"/>
      <c r="CM8" s="38"/>
      <c r="CN8" s="38"/>
      <c r="CO8" s="38"/>
      <c r="CP8" s="38"/>
      <c r="CQ8" s="38"/>
      <c r="CR8" s="38"/>
      <c r="CS8" s="38"/>
      <c r="CT8" s="38"/>
      <c r="CU8" s="38"/>
      <c r="CV8" s="38"/>
      <c r="CW8" s="38"/>
      <c r="CX8" s="38"/>
      <c r="CY8" s="38"/>
      <c r="CZ8" s="38"/>
      <c r="DA8" s="38"/>
      <c r="DB8" s="38"/>
      <c r="DC8" s="38"/>
      <c r="DD8" s="38"/>
      <c r="DE8" s="38"/>
      <c r="DF8" s="38"/>
      <c r="DG8" s="38"/>
      <c r="DH8" s="38"/>
      <c r="DI8" s="38"/>
      <c r="DJ8" s="38"/>
      <c r="DK8" s="38"/>
      <c r="DL8" s="38"/>
      <c r="DM8" s="38"/>
      <c r="DN8" s="38"/>
      <c r="DO8" s="38"/>
      <c r="DP8" s="38"/>
      <c r="DQ8" s="38"/>
      <c r="DR8" s="38"/>
      <c r="DS8" s="38"/>
      <c r="DT8" s="38"/>
      <c r="DU8" s="38"/>
      <c r="DV8" s="38"/>
      <c r="DW8" s="38"/>
      <c r="DX8" s="38"/>
      <c r="DY8" s="38"/>
      <c r="DZ8" s="38"/>
      <c r="EA8" s="38"/>
      <c r="EB8" s="38"/>
      <c r="EC8" s="38"/>
      <c r="ED8" s="38"/>
      <c r="EE8" s="38"/>
      <c r="EF8" s="38"/>
      <c r="EG8" s="38"/>
      <c r="EH8" s="38"/>
      <c r="EI8" s="38"/>
      <c r="EJ8" s="38"/>
      <c r="EK8" s="38"/>
      <c r="EL8" s="38"/>
      <c r="EM8" s="38"/>
      <c r="EN8" s="38"/>
      <c r="EO8" s="38"/>
    </row>
    <row r="9" spans="1:145" x14ac:dyDescent="0.15">
      <c r="A9" s="39"/>
      <c r="B9" s="39" t="s">
        <v>118</v>
      </c>
      <c r="C9" s="39" t="s">
        <v>119</v>
      </c>
      <c r="D9" s="39" t="s">
        <v>120</v>
      </c>
      <c r="E9" s="39" t="s">
        <v>121</v>
      </c>
      <c r="F9" s="39" t="s">
        <v>122</v>
      </c>
      <c r="R9" s="38"/>
      <c r="Y9" s="38"/>
      <c r="Z9" s="38"/>
      <c r="AA9" s="38"/>
      <c r="AB9" s="38"/>
      <c r="AC9" s="38"/>
      <c r="AD9" s="38"/>
      <c r="AE9" s="38"/>
      <c r="AF9" s="38"/>
      <c r="AG9" s="38"/>
      <c r="AI9" s="38"/>
      <c r="AJ9" s="38"/>
      <c r="AK9" s="38"/>
      <c r="AL9" s="38"/>
      <c r="AM9" s="38"/>
      <c r="AN9" s="38"/>
      <c r="AO9" s="38"/>
      <c r="AP9" s="38"/>
      <c r="AQ9" s="38"/>
      <c r="AR9" s="38"/>
      <c r="AT9" s="38"/>
      <c r="AU9" s="38"/>
      <c r="AV9" s="38"/>
      <c r="AW9" s="38"/>
      <c r="AX9" s="38"/>
      <c r="AY9" s="38"/>
      <c r="AZ9" s="38"/>
      <c r="BA9" s="38"/>
      <c r="BB9" s="38"/>
      <c r="BC9" s="38"/>
      <c r="BE9" s="38"/>
      <c r="BF9" s="38"/>
      <c r="BG9" s="38"/>
      <c r="BH9" s="38"/>
      <c r="BI9" s="38"/>
      <c r="BJ9" s="38"/>
      <c r="BK9" s="38"/>
      <c r="BL9" s="38"/>
      <c r="BM9" s="38"/>
      <c r="BN9" s="38"/>
      <c r="BP9" s="38"/>
      <c r="BQ9" s="38"/>
      <c r="BR9" s="38"/>
      <c r="BS9" s="38"/>
      <c r="BT9" s="38"/>
      <c r="BU9" s="38"/>
      <c r="BV9" s="38"/>
      <c r="BW9" s="38"/>
      <c r="BX9" s="38"/>
      <c r="BY9" s="38"/>
      <c r="CA9" s="38"/>
      <c r="CB9" s="38"/>
      <c r="CC9" s="38"/>
      <c r="CD9" s="38"/>
      <c r="CE9" s="38"/>
      <c r="CF9" s="38"/>
      <c r="CG9" s="38"/>
      <c r="CH9" s="38"/>
      <c r="CI9" s="38"/>
      <c r="CJ9" s="38"/>
      <c r="CL9" s="38"/>
      <c r="CM9" s="38"/>
      <c r="CN9" s="38"/>
      <c r="CO9" s="38"/>
      <c r="CP9" s="38"/>
      <c r="CQ9" s="38"/>
      <c r="CR9" s="38"/>
      <c r="CS9" s="38"/>
      <c r="CT9" s="38"/>
      <c r="CU9" s="38"/>
      <c r="CW9" s="38"/>
      <c r="CX9" s="38"/>
      <c r="CY9" s="38"/>
      <c r="CZ9" s="38"/>
      <c r="DA9" s="38"/>
      <c r="DB9" s="38"/>
      <c r="DC9" s="38"/>
      <c r="DD9" s="38"/>
      <c r="DE9" s="38"/>
      <c r="DF9" s="38"/>
      <c r="DH9" s="38"/>
      <c r="DI9" s="38"/>
      <c r="DJ9" s="38"/>
      <c r="DK9" s="38"/>
      <c r="DL9" s="38"/>
      <c r="DM9" s="38"/>
      <c r="DN9" s="38"/>
      <c r="DO9" s="38"/>
      <c r="DP9" s="38"/>
      <c r="DQ9" s="38"/>
      <c r="DS9" s="38"/>
      <c r="DT9" s="38"/>
      <c r="DU9" s="38"/>
      <c r="DV9" s="38"/>
      <c r="DW9" s="38"/>
      <c r="DX9" s="38"/>
      <c r="DY9" s="38"/>
      <c r="DZ9" s="38"/>
      <c r="EA9" s="38"/>
      <c r="EB9" s="38"/>
      <c r="ED9" s="38"/>
      <c r="EE9" s="38"/>
      <c r="EF9" s="38"/>
      <c r="EG9" s="38"/>
      <c r="EH9" s="38"/>
      <c r="EI9" s="38"/>
      <c r="EJ9" s="38"/>
      <c r="EK9" s="38"/>
      <c r="EL9" s="38"/>
      <c r="EM9" s="38"/>
    </row>
    <row r="10" spans="1:145" x14ac:dyDescent="0.15">
      <c r="A10" s="39" t="s">
        <v>60</v>
      </c>
      <c r="B10" s="40">
        <f>DATEVALUE($B$6-4&amp;"年1月1日")</f>
        <v>41275</v>
      </c>
      <c r="C10" s="40">
        <f>DATEVALUE($B$6-3&amp;"年1月1日")</f>
        <v>41640</v>
      </c>
      <c r="D10" s="40">
        <f>DATEVALUE($B$6-2&amp;"年1月1日")</f>
        <v>42005</v>
      </c>
      <c r="E10" s="40">
        <f>DATEVALUE($B$6-1&amp;"年1月1日")</f>
        <v>42370</v>
      </c>
      <c r="F10" s="40">
        <f>DATEVALUE($B$6&amp;"年1月1日")</f>
        <v>4273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administrator</cp:lastModifiedBy>
  <cp:lastPrinted>2019-01-21T23:35:46Z</cp:lastPrinted>
  <dcterms:created xsi:type="dcterms:W3CDTF">2018-12-03T09:01:46Z</dcterms:created>
  <dcterms:modified xsi:type="dcterms:W3CDTF">2019-01-21T23:35:48Z</dcterms:modified>
  <cp:category/>
</cp:coreProperties>
</file>